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>
  <p:sldMasterIdLst>
    <p:sldMasterId id="2147483914" r:id="rId30"/>
  </p:sldMasterIdLst>
  <p:notesMasterIdLst>
    <p:notesMasterId r:id="rId43"/>
  </p:notesMasterIdLst>
  <p:sldIdLst>
    <p:sldId id="2147482452" r:id="rId31"/>
    <p:sldId id="2147482449" r:id="rId32"/>
    <p:sldId id="2147482454" r:id="rId33"/>
    <p:sldId id="2147482453" r:id="rId34"/>
    <p:sldId id="2147482462" r:id="rId35"/>
    <p:sldId id="2147482455" r:id="rId36"/>
    <p:sldId id="2147482458" r:id="rId37"/>
    <p:sldId id="2147482459" r:id="rId38"/>
    <p:sldId id="2147482463" r:id="rId39"/>
    <p:sldId id="2147482460" r:id="rId40"/>
    <p:sldId id="2147482461" r:id="rId41"/>
    <p:sldId id="2147482456" r:id="rId42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>
          <p15:clr>
            <a:srgbClr val="A4A3A4"/>
          </p15:clr>
        </p15:guide>
      </p15:sld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207D7910-AFBB-81F4-F78D-D1CB22DB25FB}" name="Szurley, Andrew" initials="SA" userId="S::andrew.szurley@philips.com::2a97ee8d-9f17-4a30-b925-492e83adfd1a" providerId="AD"/>
  <p188:author id="{BCD857D6-1095-ECB9-98FC-A23831D54D07}" name="Molly Millette" initials="MM" userId="Molly Millette" providerId="None"/>
  <p188:author id="{59FBEAEC-950D-838A-404F-595B59C2B3AE}" name="Baranyi, Katalin" initials="BK" userId="S::katalin.baranyi@philips.com::29601c16-b456-4b26-996e-60c2ac4db5c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F86173A-5080-46D0-B8A5-6BF9BDE8A839}" v="1" dt="2024-08-16T15:54:31.32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83" autoAdjust="0"/>
    <p:restoredTop sz="94660"/>
  </p:normalViewPr>
  <p:slideViewPr>
    <p:cSldViewPr snapToGrid="0">
      <p:cViewPr varScale="1">
        <p:scale>
          <a:sx n="157" d="100"/>
          <a:sy n="157" d="100"/>
        </p:scale>
        <p:origin x="360" y="160"/>
      </p:cViewPr>
      <p:guideLst>
        <p:guide orient="horz" pos="1620"/>
        <p:guide pos="288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gridSpacing cx="57150" cy="5715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9.xml"/><Relationship Id="rId21" Type="http://schemas.openxmlformats.org/officeDocument/2006/relationships/customXml" Target="../customXml/item21.xml"/><Relationship Id="rId34" Type="http://schemas.openxmlformats.org/officeDocument/2006/relationships/slide" Target="slides/slide4.xml"/><Relationship Id="rId42" Type="http://schemas.openxmlformats.org/officeDocument/2006/relationships/slide" Target="slides/slide12.xml"/><Relationship Id="rId47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2.xml"/><Relationship Id="rId37" Type="http://schemas.openxmlformats.org/officeDocument/2006/relationships/slide" Target="slides/slide7.xml"/><Relationship Id="rId40" Type="http://schemas.openxmlformats.org/officeDocument/2006/relationships/slide" Target="slides/slide10.xml"/><Relationship Id="rId45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6.xml"/><Relationship Id="rId49" Type="http://schemas.microsoft.com/office/2018/10/relationships/authors" Target="author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.xml"/><Relationship Id="rId44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Master" Target="slideMasters/slideMaster1.xml"/><Relationship Id="rId35" Type="http://schemas.openxmlformats.org/officeDocument/2006/relationships/slide" Target="slides/slide5.xml"/><Relationship Id="rId43" Type="http://schemas.openxmlformats.org/officeDocument/2006/relationships/notesMaster" Target="notesMasters/notesMaster1.xml"/><Relationship Id="rId48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3.xml"/><Relationship Id="rId38" Type="http://schemas.openxmlformats.org/officeDocument/2006/relationships/slide" Target="slides/slide8.xml"/><Relationship Id="rId46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slide" Target="slides/slide1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10/9/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52741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195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1169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26076"/>
            <a:ext cx="6169658" cy="109728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8FA1B3DF-B7F7-A6FC-D2DA-37DFA813DC5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93188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blue (with imag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4CCA470A-EDFC-4267-5BD2-6E9CA92A0EA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57586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coral (with imag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F303C8DA-7DAA-6B46-DF91-43499FB65FC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47593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2F4B2C2-825D-08DB-6EEA-E698EE6DDB3F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DC43E1-3C41-8B31-8EB9-6D6F6848EA01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4E2843C6-8DAB-3466-178F-F71F32616C8B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6ECCFF-A929-6A5B-CB9E-1BBF7BFB286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E797AE0A-F0AD-C61C-B8A0-BB31D3BB35A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45087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CFD8FF5D-3680-130D-B55E-0BD741122D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784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5F574A60-D183-D19F-88E6-EEE0C3D702F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1B99D331-9587-B883-7DF3-0B9D6E5686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E7296B94-E425-EDA6-3EEF-41ED947C736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47069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1143315D-23FD-5730-9D7C-25427B45A2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749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cor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B612692-DD73-95A3-A271-007D4B4C16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08252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BD8C952-2371-12B5-E414-3D146114F64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8139929" cy="3484800"/>
          </a:xfrm>
        </p:spPr>
        <p:txBody>
          <a:bodyPr/>
          <a:lstStyle>
            <a:lvl1pPr defTabSz="182880">
              <a:defRPr/>
            </a:lvl1pPr>
            <a:lvl2pPr defTabSz="182880">
              <a:defRPr/>
            </a:lvl2pPr>
            <a:lvl3pPr defTabSz="182880">
              <a:defRPr/>
            </a:lvl3pPr>
            <a:lvl4pPr defTabSz="182880">
              <a:defRPr/>
            </a:lvl4pPr>
            <a:lvl5pPr defTabSz="182880"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80555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815819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902686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77487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B450D946-063C-E6F2-C532-BF5205DA3DE2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254138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42651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607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99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91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340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2" name="Graphic 3">
            <a:extLst>
              <a:ext uri="{FF2B5EF4-FFF2-40B4-BE49-F238E27FC236}">
                <a16:creationId xmlns:a16="http://schemas.microsoft.com/office/drawing/2014/main" id="{5D13E381-82CC-C9E1-035C-82858900B6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007706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custGeom>
            <a:avLst/>
            <a:gdLst>
              <a:gd name="connsiteX0" fmla="*/ 5608154 w 5889128"/>
              <a:gd name="connsiteY0" fmla="*/ 4918488 h 5143500"/>
              <a:gd name="connsiteX1" fmla="*/ 5608161 w 5889128"/>
              <a:gd name="connsiteY1" fmla="*/ 4918496 h 5143500"/>
              <a:gd name="connsiteX2" fmla="*/ 5608154 w 5889128"/>
              <a:gd name="connsiteY2" fmla="*/ 4918507 h 5143500"/>
              <a:gd name="connsiteX3" fmla="*/ 5503289 w 5889128"/>
              <a:gd name="connsiteY3" fmla="*/ 4908488 h 5143500"/>
              <a:gd name="connsiteX4" fmla="*/ 5528554 w 5889128"/>
              <a:gd name="connsiteY4" fmla="*/ 4930911 h 5143500"/>
              <a:gd name="connsiteX5" fmla="*/ 5503289 w 5889128"/>
              <a:gd name="connsiteY5" fmla="*/ 4955720 h 5143500"/>
              <a:gd name="connsiteX6" fmla="*/ 5497566 w 5889128"/>
              <a:gd name="connsiteY6" fmla="*/ 4955720 h 5143500"/>
              <a:gd name="connsiteX7" fmla="*/ 5497566 w 5889128"/>
              <a:gd name="connsiteY7" fmla="*/ 4908607 h 5143500"/>
              <a:gd name="connsiteX8" fmla="*/ 5503289 w 5889128"/>
              <a:gd name="connsiteY8" fmla="*/ 4908488 h 5143500"/>
              <a:gd name="connsiteX9" fmla="*/ 5055698 w 5889128"/>
              <a:gd name="connsiteY9" fmla="*/ 4908488 h 5143500"/>
              <a:gd name="connsiteX10" fmla="*/ 5080964 w 5889128"/>
              <a:gd name="connsiteY10" fmla="*/ 4930911 h 5143500"/>
              <a:gd name="connsiteX11" fmla="*/ 5055698 w 5889128"/>
              <a:gd name="connsiteY11" fmla="*/ 4955720 h 5143500"/>
              <a:gd name="connsiteX12" fmla="*/ 5049976 w 5889128"/>
              <a:gd name="connsiteY12" fmla="*/ 4955720 h 5143500"/>
              <a:gd name="connsiteX13" fmla="*/ 5049976 w 5889128"/>
              <a:gd name="connsiteY13" fmla="*/ 4908607 h 5143500"/>
              <a:gd name="connsiteX14" fmla="*/ 5055698 w 5889128"/>
              <a:gd name="connsiteY14" fmla="*/ 4908488 h 5143500"/>
              <a:gd name="connsiteX15" fmla="*/ 5401759 w 5889128"/>
              <a:gd name="connsiteY15" fmla="*/ 4889411 h 5143500"/>
              <a:gd name="connsiteX16" fmla="*/ 5401759 w 5889128"/>
              <a:gd name="connsiteY16" fmla="*/ 5003417 h 5143500"/>
              <a:gd name="connsiteX17" fmla="*/ 5436559 w 5889128"/>
              <a:gd name="connsiteY17" fmla="*/ 5003417 h 5143500"/>
              <a:gd name="connsiteX18" fmla="*/ 5436559 w 5889128"/>
              <a:gd name="connsiteY18" fmla="*/ 4889411 h 5143500"/>
              <a:gd name="connsiteX19" fmla="*/ 5321199 w 5889128"/>
              <a:gd name="connsiteY19" fmla="*/ 4889411 h 5143500"/>
              <a:gd name="connsiteX20" fmla="*/ 5321199 w 5889128"/>
              <a:gd name="connsiteY20" fmla="*/ 5003417 h 5143500"/>
              <a:gd name="connsiteX21" fmla="*/ 5384117 w 5889128"/>
              <a:gd name="connsiteY21" fmla="*/ 5003417 h 5143500"/>
              <a:gd name="connsiteX22" fmla="*/ 5389364 w 5889128"/>
              <a:gd name="connsiteY22" fmla="*/ 4980519 h 5143500"/>
              <a:gd name="connsiteX23" fmla="*/ 5355999 w 5889128"/>
              <a:gd name="connsiteY23" fmla="*/ 4980519 h 5143500"/>
              <a:gd name="connsiteX24" fmla="*/ 5355999 w 5889128"/>
              <a:gd name="connsiteY24" fmla="*/ 4889411 h 5143500"/>
              <a:gd name="connsiteX25" fmla="*/ 5260667 w 5889128"/>
              <a:gd name="connsiteY25" fmla="*/ 4889411 h 5143500"/>
              <a:gd name="connsiteX26" fmla="*/ 5260667 w 5889128"/>
              <a:gd name="connsiteY26" fmla="*/ 5003417 h 5143500"/>
              <a:gd name="connsiteX27" fmla="*/ 5295467 w 5889128"/>
              <a:gd name="connsiteY27" fmla="*/ 5003417 h 5143500"/>
              <a:gd name="connsiteX28" fmla="*/ 5295467 w 5889128"/>
              <a:gd name="connsiteY28" fmla="*/ 4889411 h 5143500"/>
              <a:gd name="connsiteX29" fmla="*/ 5129101 w 5889128"/>
              <a:gd name="connsiteY29" fmla="*/ 4889411 h 5143500"/>
              <a:gd name="connsiteX30" fmla="*/ 5129101 w 5889128"/>
              <a:gd name="connsiteY30" fmla="*/ 5003417 h 5143500"/>
              <a:gd name="connsiteX31" fmla="*/ 5163900 w 5889128"/>
              <a:gd name="connsiteY31" fmla="*/ 5003417 h 5143500"/>
              <a:gd name="connsiteX32" fmla="*/ 5163900 w 5889128"/>
              <a:gd name="connsiteY32" fmla="*/ 4958581 h 5143500"/>
              <a:gd name="connsiteX33" fmla="*/ 5200126 w 5889128"/>
              <a:gd name="connsiteY33" fmla="*/ 4958581 h 5143500"/>
              <a:gd name="connsiteX34" fmla="*/ 5200126 w 5889128"/>
              <a:gd name="connsiteY34" fmla="*/ 5003417 h 5143500"/>
              <a:gd name="connsiteX35" fmla="*/ 5234926 w 5889128"/>
              <a:gd name="connsiteY35" fmla="*/ 5003417 h 5143500"/>
              <a:gd name="connsiteX36" fmla="*/ 5234926 w 5889128"/>
              <a:gd name="connsiteY36" fmla="*/ 4889411 h 5143500"/>
              <a:gd name="connsiteX37" fmla="*/ 5200126 w 5889128"/>
              <a:gd name="connsiteY37" fmla="*/ 4889411 h 5143500"/>
              <a:gd name="connsiteX38" fmla="*/ 5200126 w 5889128"/>
              <a:gd name="connsiteY38" fmla="*/ 4934732 h 5143500"/>
              <a:gd name="connsiteX39" fmla="*/ 5163900 w 5889128"/>
              <a:gd name="connsiteY39" fmla="*/ 4934732 h 5143500"/>
              <a:gd name="connsiteX40" fmla="*/ 5163900 w 5889128"/>
              <a:gd name="connsiteY40" fmla="*/ 4889411 h 5143500"/>
              <a:gd name="connsiteX41" fmla="*/ 5505190 w 5889128"/>
              <a:gd name="connsiteY41" fmla="*/ 4887025 h 5143500"/>
              <a:gd name="connsiteX42" fmla="*/ 5462766 w 5889128"/>
              <a:gd name="connsiteY42" fmla="*/ 4889411 h 5143500"/>
              <a:gd name="connsiteX43" fmla="*/ 5462766 w 5889128"/>
              <a:gd name="connsiteY43" fmla="*/ 5003417 h 5143500"/>
              <a:gd name="connsiteX44" fmla="*/ 5497566 w 5889128"/>
              <a:gd name="connsiteY44" fmla="*/ 5003417 h 5143500"/>
              <a:gd name="connsiteX45" fmla="*/ 5497566 w 5889128"/>
              <a:gd name="connsiteY45" fmla="*/ 4976223 h 5143500"/>
              <a:gd name="connsiteX46" fmla="*/ 5509962 w 5889128"/>
              <a:gd name="connsiteY46" fmla="*/ 4976223 h 5143500"/>
              <a:gd name="connsiteX47" fmla="*/ 5509962 w 5889128"/>
              <a:gd name="connsiteY47" fmla="*/ 4976232 h 5143500"/>
              <a:gd name="connsiteX48" fmla="*/ 5562870 w 5889128"/>
              <a:gd name="connsiteY48" fmla="*/ 4930436 h 5143500"/>
              <a:gd name="connsiteX49" fmla="*/ 5505190 w 5889128"/>
              <a:gd name="connsiteY49" fmla="*/ 4887025 h 5143500"/>
              <a:gd name="connsiteX50" fmla="*/ 5057609 w 5889128"/>
              <a:gd name="connsiteY50" fmla="*/ 4887025 h 5143500"/>
              <a:gd name="connsiteX51" fmla="*/ 5015185 w 5889128"/>
              <a:gd name="connsiteY51" fmla="*/ 4889411 h 5143500"/>
              <a:gd name="connsiteX52" fmla="*/ 5015185 w 5889128"/>
              <a:gd name="connsiteY52" fmla="*/ 5003417 h 5143500"/>
              <a:gd name="connsiteX53" fmla="*/ 5049985 w 5889128"/>
              <a:gd name="connsiteY53" fmla="*/ 5003417 h 5143500"/>
              <a:gd name="connsiteX54" fmla="*/ 5049985 w 5889128"/>
              <a:gd name="connsiteY54" fmla="*/ 4976223 h 5143500"/>
              <a:gd name="connsiteX55" fmla="*/ 5062380 w 5889128"/>
              <a:gd name="connsiteY55" fmla="*/ 4976223 h 5143500"/>
              <a:gd name="connsiteX56" fmla="*/ 5062371 w 5889128"/>
              <a:gd name="connsiteY56" fmla="*/ 4976232 h 5143500"/>
              <a:gd name="connsiteX57" fmla="*/ 5115279 w 5889128"/>
              <a:gd name="connsiteY57" fmla="*/ 4930436 h 5143500"/>
              <a:gd name="connsiteX58" fmla="*/ 5057609 w 5889128"/>
              <a:gd name="connsiteY58" fmla="*/ 4887025 h 5143500"/>
              <a:gd name="connsiteX59" fmla="*/ 5620541 w 5889128"/>
              <a:gd name="connsiteY59" fmla="*/ 4887016 h 5143500"/>
              <a:gd name="connsiteX60" fmla="*/ 5573355 w 5889128"/>
              <a:gd name="connsiteY60" fmla="*/ 4921359 h 5143500"/>
              <a:gd name="connsiteX61" fmla="*/ 5627698 w 5889128"/>
              <a:gd name="connsiteY61" fmla="*/ 4971927 h 5143500"/>
              <a:gd name="connsiteX62" fmla="*/ 5609590 w 5889128"/>
              <a:gd name="connsiteY62" fmla="*/ 4982896 h 5143500"/>
              <a:gd name="connsiteX63" fmla="*/ 5570027 w 5889128"/>
              <a:gd name="connsiteY63" fmla="*/ 4973828 h 5143500"/>
              <a:gd name="connsiteX64" fmla="*/ 5573839 w 5889128"/>
              <a:gd name="connsiteY64" fmla="*/ 5000063 h 5143500"/>
              <a:gd name="connsiteX65" fmla="*/ 5610065 w 5889128"/>
              <a:gd name="connsiteY65" fmla="*/ 5005785 h 5143500"/>
              <a:gd name="connsiteX66" fmla="*/ 5662973 w 5889128"/>
              <a:gd name="connsiteY66" fmla="*/ 4967621 h 5143500"/>
              <a:gd name="connsiteX67" fmla="*/ 5616720 w 5889128"/>
              <a:gd name="connsiteY67" fmla="*/ 4928446 h 5143500"/>
              <a:gd name="connsiteX68" fmla="*/ 5608161 w 5889128"/>
              <a:gd name="connsiteY68" fmla="*/ 4918496 h 5143500"/>
              <a:gd name="connsiteX69" fmla="*/ 5612504 w 5889128"/>
              <a:gd name="connsiteY69" fmla="*/ 4911649 h 5143500"/>
              <a:gd name="connsiteX70" fmla="*/ 5624362 w 5889128"/>
              <a:gd name="connsiteY70" fmla="*/ 4909439 h 5143500"/>
              <a:gd name="connsiteX71" fmla="*/ 5655340 w 5889128"/>
              <a:gd name="connsiteY71" fmla="*/ 4915161 h 5143500"/>
              <a:gd name="connsiteX72" fmla="*/ 5652479 w 5889128"/>
              <a:gd name="connsiteY72" fmla="*/ 4890352 h 5143500"/>
              <a:gd name="connsiteX73" fmla="*/ 5620541 w 5889128"/>
              <a:gd name="connsiteY73" fmla="*/ 4887016 h 5143500"/>
              <a:gd name="connsiteX74" fmla="*/ 0 w 5889128"/>
              <a:gd name="connsiteY74" fmla="*/ 0 h 5143500"/>
              <a:gd name="connsiteX75" fmla="*/ 5889128 w 5889128"/>
              <a:gd name="connsiteY75" fmla="*/ 0 h 5143500"/>
              <a:gd name="connsiteX76" fmla="*/ 5889128 w 5889128"/>
              <a:gd name="connsiteY76" fmla="*/ 5143500 h 5143500"/>
              <a:gd name="connsiteX77" fmla="*/ 0 w 5889128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89128" h="5143500">
                <a:moveTo>
                  <a:pt x="5608154" y="4918488"/>
                </a:moveTo>
                <a:lnTo>
                  <a:pt x="5608161" y="4918496"/>
                </a:lnTo>
                <a:lnTo>
                  <a:pt x="5608154" y="4918507"/>
                </a:lnTo>
                <a:close/>
                <a:moveTo>
                  <a:pt x="5503289" y="4908488"/>
                </a:moveTo>
                <a:cubicBezTo>
                  <a:pt x="5520446" y="4908488"/>
                  <a:pt x="5528554" y="4916596"/>
                  <a:pt x="5528554" y="4930911"/>
                </a:cubicBezTo>
                <a:cubicBezTo>
                  <a:pt x="5528554" y="4945701"/>
                  <a:pt x="5521406" y="4955720"/>
                  <a:pt x="5503289" y="4955720"/>
                </a:cubicBezTo>
                <a:lnTo>
                  <a:pt x="5497566" y="4955720"/>
                </a:lnTo>
                <a:lnTo>
                  <a:pt x="5497566" y="4908607"/>
                </a:lnTo>
                <a:cubicBezTo>
                  <a:pt x="5499586" y="4908488"/>
                  <a:pt x="5501497" y="4908488"/>
                  <a:pt x="5503289" y="4908488"/>
                </a:cubicBezTo>
                <a:close/>
                <a:moveTo>
                  <a:pt x="5055698" y="4908488"/>
                </a:moveTo>
                <a:cubicBezTo>
                  <a:pt x="5072856" y="4908488"/>
                  <a:pt x="5080964" y="4916596"/>
                  <a:pt x="5080964" y="4930911"/>
                </a:cubicBezTo>
                <a:cubicBezTo>
                  <a:pt x="5080964" y="4945701"/>
                  <a:pt x="5073816" y="4955720"/>
                  <a:pt x="5055698" y="4955720"/>
                </a:cubicBezTo>
                <a:lnTo>
                  <a:pt x="5049976" y="4955720"/>
                </a:lnTo>
                <a:lnTo>
                  <a:pt x="5049976" y="4908607"/>
                </a:lnTo>
                <a:cubicBezTo>
                  <a:pt x="5052005" y="4908488"/>
                  <a:pt x="5053906" y="4908488"/>
                  <a:pt x="5055698" y="4908488"/>
                </a:cubicBezTo>
                <a:close/>
                <a:moveTo>
                  <a:pt x="5401759" y="4889411"/>
                </a:moveTo>
                <a:lnTo>
                  <a:pt x="5401759" y="5003417"/>
                </a:lnTo>
                <a:lnTo>
                  <a:pt x="5436559" y="5003417"/>
                </a:lnTo>
                <a:lnTo>
                  <a:pt x="5436559" y="4889411"/>
                </a:lnTo>
                <a:close/>
                <a:moveTo>
                  <a:pt x="5321199" y="4889411"/>
                </a:moveTo>
                <a:lnTo>
                  <a:pt x="5321199" y="5003417"/>
                </a:lnTo>
                <a:lnTo>
                  <a:pt x="5384117" y="5003417"/>
                </a:lnTo>
                <a:lnTo>
                  <a:pt x="5389364" y="4980519"/>
                </a:lnTo>
                <a:lnTo>
                  <a:pt x="5355999" y="4980519"/>
                </a:lnTo>
                <a:lnTo>
                  <a:pt x="5355999" y="4889411"/>
                </a:lnTo>
                <a:close/>
                <a:moveTo>
                  <a:pt x="5260667" y="4889411"/>
                </a:moveTo>
                <a:lnTo>
                  <a:pt x="5260667" y="5003417"/>
                </a:lnTo>
                <a:lnTo>
                  <a:pt x="5295467" y="5003417"/>
                </a:lnTo>
                <a:lnTo>
                  <a:pt x="5295467" y="4889411"/>
                </a:lnTo>
                <a:close/>
                <a:moveTo>
                  <a:pt x="5129101" y="4889411"/>
                </a:moveTo>
                <a:lnTo>
                  <a:pt x="5129101" y="5003417"/>
                </a:lnTo>
                <a:lnTo>
                  <a:pt x="5163900" y="5003417"/>
                </a:lnTo>
                <a:lnTo>
                  <a:pt x="5163900" y="4958581"/>
                </a:lnTo>
                <a:lnTo>
                  <a:pt x="5200126" y="4958581"/>
                </a:lnTo>
                <a:lnTo>
                  <a:pt x="5200126" y="5003417"/>
                </a:lnTo>
                <a:lnTo>
                  <a:pt x="5234926" y="5003417"/>
                </a:lnTo>
                <a:lnTo>
                  <a:pt x="5234926" y="4889411"/>
                </a:lnTo>
                <a:lnTo>
                  <a:pt x="5200126" y="4889411"/>
                </a:lnTo>
                <a:lnTo>
                  <a:pt x="5200126" y="4934732"/>
                </a:lnTo>
                <a:lnTo>
                  <a:pt x="5163900" y="4934732"/>
                </a:lnTo>
                <a:lnTo>
                  <a:pt x="5163900" y="4889411"/>
                </a:lnTo>
                <a:close/>
                <a:moveTo>
                  <a:pt x="5505190" y="4887025"/>
                </a:moveTo>
                <a:cubicBezTo>
                  <a:pt x="5491369" y="4887025"/>
                  <a:pt x="5474686" y="4887976"/>
                  <a:pt x="5462766" y="4889411"/>
                </a:cubicBezTo>
                <a:lnTo>
                  <a:pt x="5462766" y="5003417"/>
                </a:lnTo>
                <a:lnTo>
                  <a:pt x="5497566" y="5003417"/>
                </a:lnTo>
                <a:lnTo>
                  <a:pt x="5497566" y="4976223"/>
                </a:lnTo>
                <a:lnTo>
                  <a:pt x="5509962" y="4976223"/>
                </a:lnTo>
                <a:lnTo>
                  <a:pt x="5509962" y="4976232"/>
                </a:lnTo>
                <a:cubicBezTo>
                  <a:pt x="5542376" y="4976232"/>
                  <a:pt x="5562870" y="4959541"/>
                  <a:pt x="5562870" y="4930436"/>
                </a:cubicBezTo>
                <a:cubicBezTo>
                  <a:pt x="5562870" y="4898479"/>
                  <a:pt x="5540940" y="4887025"/>
                  <a:pt x="5505190" y="4887025"/>
                </a:cubicBezTo>
                <a:close/>
                <a:moveTo>
                  <a:pt x="5057609" y="4887025"/>
                </a:moveTo>
                <a:cubicBezTo>
                  <a:pt x="5043787" y="4887025"/>
                  <a:pt x="5027105" y="4887976"/>
                  <a:pt x="5015185" y="4889411"/>
                </a:cubicBezTo>
                <a:lnTo>
                  <a:pt x="5015185" y="5003417"/>
                </a:lnTo>
                <a:lnTo>
                  <a:pt x="5049985" y="5003417"/>
                </a:lnTo>
                <a:lnTo>
                  <a:pt x="5049985" y="4976223"/>
                </a:lnTo>
                <a:lnTo>
                  <a:pt x="5062380" y="4976223"/>
                </a:lnTo>
                <a:lnTo>
                  <a:pt x="5062371" y="4976232"/>
                </a:lnTo>
                <a:cubicBezTo>
                  <a:pt x="5094785" y="4976232"/>
                  <a:pt x="5115279" y="4959541"/>
                  <a:pt x="5115279" y="4930436"/>
                </a:cubicBezTo>
                <a:cubicBezTo>
                  <a:pt x="5115288" y="4898470"/>
                  <a:pt x="5093359" y="4887025"/>
                  <a:pt x="5057609" y="4887025"/>
                </a:cubicBezTo>
                <a:close/>
                <a:moveTo>
                  <a:pt x="5620541" y="4887016"/>
                </a:moveTo>
                <a:cubicBezTo>
                  <a:pt x="5592414" y="4887016"/>
                  <a:pt x="5573355" y="4898104"/>
                  <a:pt x="5573355" y="4921359"/>
                </a:cubicBezTo>
                <a:cubicBezTo>
                  <a:pt x="5573355" y="4961433"/>
                  <a:pt x="5627698" y="4953325"/>
                  <a:pt x="5627698" y="4971927"/>
                </a:cubicBezTo>
                <a:cubicBezTo>
                  <a:pt x="5627698" y="4979084"/>
                  <a:pt x="5622451" y="4982896"/>
                  <a:pt x="5609590" y="4982896"/>
                </a:cubicBezTo>
                <a:cubicBezTo>
                  <a:pt x="5598145" y="4982896"/>
                  <a:pt x="5580512" y="4979084"/>
                  <a:pt x="5570027" y="4973828"/>
                </a:cubicBezTo>
                <a:lnTo>
                  <a:pt x="5573839" y="5000063"/>
                </a:lnTo>
                <a:cubicBezTo>
                  <a:pt x="5584324" y="5003884"/>
                  <a:pt x="5598630" y="5005785"/>
                  <a:pt x="5610065" y="5005785"/>
                </a:cubicBezTo>
                <a:cubicBezTo>
                  <a:pt x="5639143" y="5005785"/>
                  <a:pt x="5662973" y="4996242"/>
                  <a:pt x="5662973" y="4967621"/>
                </a:cubicBezTo>
                <a:cubicBezTo>
                  <a:pt x="5662973" y="4938999"/>
                  <a:pt x="5632137" y="4935869"/>
                  <a:pt x="5616720" y="4928446"/>
                </a:cubicBezTo>
                <a:lnTo>
                  <a:pt x="5608161" y="4918496"/>
                </a:lnTo>
                <a:lnTo>
                  <a:pt x="5612504" y="4911649"/>
                </a:lnTo>
                <a:cubicBezTo>
                  <a:pt x="5615305" y="4910157"/>
                  <a:pt x="5619357" y="4909439"/>
                  <a:pt x="5624362" y="4909439"/>
                </a:cubicBezTo>
                <a:cubicBezTo>
                  <a:pt x="5635322" y="4909439"/>
                  <a:pt x="5647242" y="4911825"/>
                  <a:pt x="5655340" y="4915161"/>
                </a:cubicBezTo>
                <a:lnTo>
                  <a:pt x="5652479" y="4890352"/>
                </a:lnTo>
                <a:cubicBezTo>
                  <a:pt x="5643421" y="4888442"/>
                  <a:pt x="5635322" y="4887016"/>
                  <a:pt x="5620541" y="4887016"/>
                </a:cubicBezTo>
                <a:close/>
                <a:moveTo>
                  <a:pt x="0" y="0"/>
                </a:moveTo>
                <a:lnTo>
                  <a:pt x="5889128" y="0"/>
                </a:lnTo>
                <a:lnTo>
                  <a:pt x="5889128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3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59367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5889128" cy="5143500"/>
          </a:xfrm>
          <a:prstGeom prst="rect">
            <a:avLst/>
          </a:pr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58065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74673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5563654-036F-6829-E30C-B4D3CB5DDED8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3999" cy="5143500"/>
          </a:xfrm>
          <a:custGeom>
            <a:avLst/>
            <a:gdLst>
              <a:gd name="connsiteX0" fmla="*/ 8863025 w 9143999"/>
              <a:gd name="connsiteY0" fmla="*/ 4918488 h 5143500"/>
              <a:gd name="connsiteX1" fmla="*/ 8863036 w 9143999"/>
              <a:gd name="connsiteY1" fmla="*/ 4918501 h 5143500"/>
              <a:gd name="connsiteX2" fmla="*/ 8863025 w 9143999"/>
              <a:gd name="connsiteY2" fmla="*/ 4918507 h 5143500"/>
              <a:gd name="connsiteX3" fmla="*/ 8758160 w 9143999"/>
              <a:gd name="connsiteY3" fmla="*/ 4908488 h 5143500"/>
              <a:gd name="connsiteX4" fmla="*/ 8783425 w 9143999"/>
              <a:gd name="connsiteY4" fmla="*/ 4930911 h 5143500"/>
              <a:gd name="connsiteX5" fmla="*/ 8758160 w 9143999"/>
              <a:gd name="connsiteY5" fmla="*/ 4955720 h 5143500"/>
              <a:gd name="connsiteX6" fmla="*/ 8752437 w 9143999"/>
              <a:gd name="connsiteY6" fmla="*/ 4955720 h 5143500"/>
              <a:gd name="connsiteX7" fmla="*/ 8752437 w 9143999"/>
              <a:gd name="connsiteY7" fmla="*/ 4908607 h 5143500"/>
              <a:gd name="connsiteX8" fmla="*/ 8758160 w 9143999"/>
              <a:gd name="connsiteY8" fmla="*/ 4908488 h 5143500"/>
              <a:gd name="connsiteX9" fmla="*/ 8310569 w 9143999"/>
              <a:gd name="connsiteY9" fmla="*/ 4908488 h 5143500"/>
              <a:gd name="connsiteX10" fmla="*/ 8335835 w 9143999"/>
              <a:gd name="connsiteY10" fmla="*/ 4930911 h 5143500"/>
              <a:gd name="connsiteX11" fmla="*/ 8310569 w 9143999"/>
              <a:gd name="connsiteY11" fmla="*/ 4955720 h 5143500"/>
              <a:gd name="connsiteX12" fmla="*/ 8304847 w 9143999"/>
              <a:gd name="connsiteY12" fmla="*/ 4955720 h 5143500"/>
              <a:gd name="connsiteX13" fmla="*/ 8304847 w 9143999"/>
              <a:gd name="connsiteY13" fmla="*/ 4908607 h 5143500"/>
              <a:gd name="connsiteX14" fmla="*/ 8310569 w 9143999"/>
              <a:gd name="connsiteY14" fmla="*/ 4908488 h 5143500"/>
              <a:gd name="connsiteX15" fmla="*/ 8656630 w 9143999"/>
              <a:gd name="connsiteY15" fmla="*/ 4889411 h 5143500"/>
              <a:gd name="connsiteX16" fmla="*/ 8656630 w 9143999"/>
              <a:gd name="connsiteY16" fmla="*/ 5003417 h 5143500"/>
              <a:gd name="connsiteX17" fmla="*/ 8691430 w 9143999"/>
              <a:gd name="connsiteY17" fmla="*/ 5003417 h 5143500"/>
              <a:gd name="connsiteX18" fmla="*/ 8691430 w 9143999"/>
              <a:gd name="connsiteY18" fmla="*/ 4889411 h 5143500"/>
              <a:gd name="connsiteX19" fmla="*/ 8576070 w 9143999"/>
              <a:gd name="connsiteY19" fmla="*/ 4889411 h 5143500"/>
              <a:gd name="connsiteX20" fmla="*/ 8576070 w 9143999"/>
              <a:gd name="connsiteY20" fmla="*/ 5003417 h 5143500"/>
              <a:gd name="connsiteX21" fmla="*/ 8638988 w 9143999"/>
              <a:gd name="connsiteY21" fmla="*/ 5003417 h 5143500"/>
              <a:gd name="connsiteX22" fmla="*/ 8644235 w 9143999"/>
              <a:gd name="connsiteY22" fmla="*/ 4980519 h 5143500"/>
              <a:gd name="connsiteX23" fmla="*/ 8610870 w 9143999"/>
              <a:gd name="connsiteY23" fmla="*/ 4980519 h 5143500"/>
              <a:gd name="connsiteX24" fmla="*/ 8610870 w 9143999"/>
              <a:gd name="connsiteY24" fmla="*/ 4889411 h 5143500"/>
              <a:gd name="connsiteX25" fmla="*/ 8515538 w 9143999"/>
              <a:gd name="connsiteY25" fmla="*/ 4889411 h 5143500"/>
              <a:gd name="connsiteX26" fmla="*/ 8515538 w 9143999"/>
              <a:gd name="connsiteY26" fmla="*/ 5003417 h 5143500"/>
              <a:gd name="connsiteX27" fmla="*/ 8550338 w 9143999"/>
              <a:gd name="connsiteY27" fmla="*/ 5003417 h 5143500"/>
              <a:gd name="connsiteX28" fmla="*/ 8550338 w 9143999"/>
              <a:gd name="connsiteY28" fmla="*/ 4889411 h 5143500"/>
              <a:gd name="connsiteX29" fmla="*/ 8383972 w 9143999"/>
              <a:gd name="connsiteY29" fmla="*/ 4889411 h 5143500"/>
              <a:gd name="connsiteX30" fmla="*/ 8383972 w 9143999"/>
              <a:gd name="connsiteY30" fmla="*/ 5003417 h 5143500"/>
              <a:gd name="connsiteX31" fmla="*/ 8418771 w 9143999"/>
              <a:gd name="connsiteY31" fmla="*/ 5003417 h 5143500"/>
              <a:gd name="connsiteX32" fmla="*/ 8418771 w 9143999"/>
              <a:gd name="connsiteY32" fmla="*/ 4958581 h 5143500"/>
              <a:gd name="connsiteX33" fmla="*/ 8454997 w 9143999"/>
              <a:gd name="connsiteY33" fmla="*/ 4958581 h 5143500"/>
              <a:gd name="connsiteX34" fmla="*/ 8454997 w 9143999"/>
              <a:gd name="connsiteY34" fmla="*/ 5003417 h 5143500"/>
              <a:gd name="connsiteX35" fmla="*/ 8489797 w 9143999"/>
              <a:gd name="connsiteY35" fmla="*/ 5003417 h 5143500"/>
              <a:gd name="connsiteX36" fmla="*/ 8489797 w 9143999"/>
              <a:gd name="connsiteY36" fmla="*/ 4889411 h 5143500"/>
              <a:gd name="connsiteX37" fmla="*/ 8454997 w 9143999"/>
              <a:gd name="connsiteY37" fmla="*/ 4889411 h 5143500"/>
              <a:gd name="connsiteX38" fmla="*/ 8454997 w 9143999"/>
              <a:gd name="connsiteY38" fmla="*/ 4934732 h 5143500"/>
              <a:gd name="connsiteX39" fmla="*/ 8418771 w 9143999"/>
              <a:gd name="connsiteY39" fmla="*/ 4934732 h 5143500"/>
              <a:gd name="connsiteX40" fmla="*/ 8418771 w 9143999"/>
              <a:gd name="connsiteY40" fmla="*/ 4889411 h 5143500"/>
              <a:gd name="connsiteX41" fmla="*/ 8760061 w 9143999"/>
              <a:gd name="connsiteY41" fmla="*/ 4887025 h 5143500"/>
              <a:gd name="connsiteX42" fmla="*/ 8717637 w 9143999"/>
              <a:gd name="connsiteY42" fmla="*/ 4889411 h 5143500"/>
              <a:gd name="connsiteX43" fmla="*/ 8717637 w 9143999"/>
              <a:gd name="connsiteY43" fmla="*/ 5003417 h 5143500"/>
              <a:gd name="connsiteX44" fmla="*/ 8752437 w 9143999"/>
              <a:gd name="connsiteY44" fmla="*/ 5003417 h 5143500"/>
              <a:gd name="connsiteX45" fmla="*/ 8752437 w 9143999"/>
              <a:gd name="connsiteY45" fmla="*/ 4976223 h 5143500"/>
              <a:gd name="connsiteX46" fmla="*/ 8764833 w 9143999"/>
              <a:gd name="connsiteY46" fmla="*/ 4976223 h 5143500"/>
              <a:gd name="connsiteX47" fmla="*/ 8764833 w 9143999"/>
              <a:gd name="connsiteY47" fmla="*/ 4976232 h 5143500"/>
              <a:gd name="connsiteX48" fmla="*/ 8817741 w 9143999"/>
              <a:gd name="connsiteY48" fmla="*/ 4930436 h 5143500"/>
              <a:gd name="connsiteX49" fmla="*/ 8760061 w 9143999"/>
              <a:gd name="connsiteY49" fmla="*/ 4887025 h 5143500"/>
              <a:gd name="connsiteX50" fmla="*/ 8312480 w 9143999"/>
              <a:gd name="connsiteY50" fmla="*/ 4887025 h 5143500"/>
              <a:gd name="connsiteX51" fmla="*/ 8270056 w 9143999"/>
              <a:gd name="connsiteY51" fmla="*/ 4889411 h 5143500"/>
              <a:gd name="connsiteX52" fmla="*/ 8270056 w 9143999"/>
              <a:gd name="connsiteY52" fmla="*/ 5003417 h 5143500"/>
              <a:gd name="connsiteX53" fmla="*/ 8304856 w 9143999"/>
              <a:gd name="connsiteY53" fmla="*/ 5003417 h 5143500"/>
              <a:gd name="connsiteX54" fmla="*/ 8304856 w 9143999"/>
              <a:gd name="connsiteY54" fmla="*/ 4976223 h 5143500"/>
              <a:gd name="connsiteX55" fmla="*/ 8317251 w 9143999"/>
              <a:gd name="connsiteY55" fmla="*/ 4976223 h 5143500"/>
              <a:gd name="connsiteX56" fmla="*/ 8317242 w 9143999"/>
              <a:gd name="connsiteY56" fmla="*/ 4976232 h 5143500"/>
              <a:gd name="connsiteX57" fmla="*/ 8370150 w 9143999"/>
              <a:gd name="connsiteY57" fmla="*/ 4930436 h 5143500"/>
              <a:gd name="connsiteX58" fmla="*/ 8312480 w 9143999"/>
              <a:gd name="connsiteY58" fmla="*/ 4887025 h 5143500"/>
              <a:gd name="connsiteX59" fmla="*/ 8875412 w 9143999"/>
              <a:gd name="connsiteY59" fmla="*/ 4887016 h 5143500"/>
              <a:gd name="connsiteX60" fmla="*/ 8828226 w 9143999"/>
              <a:gd name="connsiteY60" fmla="*/ 4921359 h 5143500"/>
              <a:gd name="connsiteX61" fmla="*/ 8882569 w 9143999"/>
              <a:gd name="connsiteY61" fmla="*/ 4971927 h 5143500"/>
              <a:gd name="connsiteX62" fmla="*/ 8864461 w 9143999"/>
              <a:gd name="connsiteY62" fmla="*/ 4982896 h 5143500"/>
              <a:gd name="connsiteX63" fmla="*/ 8824898 w 9143999"/>
              <a:gd name="connsiteY63" fmla="*/ 4973828 h 5143500"/>
              <a:gd name="connsiteX64" fmla="*/ 8828710 w 9143999"/>
              <a:gd name="connsiteY64" fmla="*/ 5000063 h 5143500"/>
              <a:gd name="connsiteX65" fmla="*/ 8864936 w 9143999"/>
              <a:gd name="connsiteY65" fmla="*/ 5005785 h 5143500"/>
              <a:gd name="connsiteX66" fmla="*/ 8917844 w 9143999"/>
              <a:gd name="connsiteY66" fmla="*/ 4967621 h 5143500"/>
              <a:gd name="connsiteX67" fmla="*/ 8871590 w 9143999"/>
              <a:gd name="connsiteY67" fmla="*/ 4928446 h 5143500"/>
              <a:gd name="connsiteX68" fmla="*/ 8863036 w 9143999"/>
              <a:gd name="connsiteY68" fmla="*/ 4918501 h 5143500"/>
              <a:gd name="connsiteX69" fmla="*/ 8879233 w 9143999"/>
              <a:gd name="connsiteY69" fmla="*/ 4909439 h 5143500"/>
              <a:gd name="connsiteX70" fmla="*/ 8910211 w 9143999"/>
              <a:gd name="connsiteY70" fmla="*/ 4915161 h 5143500"/>
              <a:gd name="connsiteX71" fmla="*/ 8907350 w 9143999"/>
              <a:gd name="connsiteY71" fmla="*/ 4890352 h 5143500"/>
              <a:gd name="connsiteX72" fmla="*/ 8875412 w 9143999"/>
              <a:gd name="connsiteY72" fmla="*/ 4887016 h 5143500"/>
              <a:gd name="connsiteX73" fmla="*/ 0 w 9143999"/>
              <a:gd name="connsiteY73" fmla="*/ 0 h 5143500"/>
              <a:gd name="connsiteX74" fmla="*/ 9143999 w 9143999"/>
              <a:gd name="connsiteY74" fmla="*/ 0 h 5143500"/>
              <a:gd name="connsiteX75" fmla="*/ 9143999 w 9143999"/>
              <a:gd name="connsiteY75" fmla="*/ 5143500 h 5143500"/>
              <a:gd name="connsiteX76" fmla="*/ 0 w 9143999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3999" h="5143500">
                <a:moveTo>
                  <a:pt x="8863025" y="4918488"/>
                </a:moveTo>
                <a:lnTo>
                  <a:pt x="8863036" y="4918501"/>
                </a:lnTo>
                <a:lnTo>
                  <a:pt x="8863025" y="4918507"/>
                </a:lnTo>
                <a:close/>
                <a:moveTo>
                  <a:pt x="8758160" y="4908488"/>
                </a:moveTo>
                <a:cubicBezTo>
                  <a:pt x="8775317" y="4908488"/>
                  <a:pt x="8783425" y="4916596"/>
                  <a:pt x="8783425" y="4930911"/>
                </a:cubicBezTo>
                <a:cubicBezTo>
                  <a:pt x="8783425" y="4945701"/>
                  <a:pt x="8776277" y="4955720"/>
                  <a:pt x="8758160" y="4955720"/>
                </a:cubicBezTo>
                <a:lnTo>
                  <a:pt x="8752437" y="4955720"/>
                </a:lnTo>
                <a:lnTo>
                  <a:pt x="8752437" y="4908607"/>
                </a:lnTo>
                <a:cubicBezTo>
                  <a:pt x="8754457" y="4908488"/>
                  <a:pt x="8756368" y="4908488"/>
                  <a:pt x="8758160" y="4908488"/>
                </a:cubicBezTo>
                <a:close/>
                <a:moveTo>
                  <a:pt x="8310569" y="4908488"/>
                </a:moveTo>
                <a:cubicBezTo>
                  <a:pt x="8327727" y="4908488"/>
                  <a:pt x="8335835" y="4916596"/>
                  <a:pt x="8335835" y="4930911"/>
                </a:cubicBezTo>
                <a:cubicBezTo>
                  <a:pt x="8335835" y="4945701"/>
                  <a:pt x="8328687" y="4955720"/>
                  <a:pt x="8310569" y="4955720"/>
                </a:cubicBezTo>
                <a:lnTo>
                  <a:pt x="8304847" y="4955720"/>
                </a:lnTo>
                <a:lnTo>
                  <a:pt x="8304847" y="4908607"/>
                </a:lnTo>
                <a:cubicBezTo>
                  <a:pt x="8306876" y="4908488"/>
                  <a:pt x="8308777" y="4908488"/>
                  <a:pt x="8310569" y="4908488"/>
                </a:cubicBezTo>
                <a:close/>
                <a:moveTo>
                  <a:pt x="8656630" y="4889411"/>
                </a:moveTo>
                <a:lnTo>
                  <a:pt x="8656630" y="5003417"/>
                </a:lnTo>
                <a:lnTo>
                  <a:pt x="8691430" y="5003417"/>
                </a:lnTo>
                <a:lnTo>
                  <a:pt x="8691430" y="4889411"/>
                </a:lnTo>
                <a:close/>
                <a:moveTo>
                  <a:pt x="8576070" y="4889411"/>
                </a:moveTo>
                <a:lnTo>
                  <a:pt x="8576070" y="5003417"/>
                </a:lnTo>
                <a:lnTo>
                  <a:pt x="8638988" y="5003417"/>
                </a:lnTo>
                <a:lnTo>
                  <a:pt x="8644235" y="4980519"/>
                </a:lnTo>
                <a:lnTo>
                  <a:pt x="8610870" y="4980519"/>
                </a:lnTo>
                <a:lnTo>
                  <a:pt x="8610870" y="4889411"/>
                </a:lnTo>
                <a:close/>
                <a:moveTo>
                  <a:pt x="8515538" y="4889411"/>
                </a:moveTo>
                <a:lnTo>
                  <a:pt x="8515538" y="5003417"/>
                </a:lnTo>
                <a:lnTo>
                  <a:pt x="8550338" y="5003417"/>
                </a:lnTo>
                <a:lnTo>
                  <a:pt x="8550338" y="4889411"/>
                </a:lnTo>
                <a:close/>
                <a:moveTo>
                  <a:pt x="8383972" y="4889411"/>
                </a:moveTo>
                <a:lnTo>
                  <a:pt x="8383972" y="5003417"/>
                </a:lnTo>
                <a:lnTo>
                  <a:pt x="8418771" y="5003417"/>
                </a:lnTo>
                <a:lnTo>
                  <a:pt x="8418771" y="4958581"/>
                </a:lnTo>
                <a:lnTo>
                  <a:pt x="8454997" y="4958581"/>
                </a:lnTo>
                <a:lnTo>
                  <a:pt x="8454997" y="5003417"/>
                </a:lnTo>
                <a:lnTo>
                  <a:pt x="8489797" y="5003417"/>
                </a:lnTo>
                <a:lnTo>
                  <a:pt x="8489797" y="4889411"/>
                </a:lnTo>
                <a:lnTo>
                  <a:pt x="8454997" y="4889411"/>
                </a:lnTo>
                <a:lnTo>
                  <a:pt x="8454997" y="4934732"/>
                </a:lnTo>
                <a:lnTo>
                  <a:pt x="8418771" y="4934732"/>
                </a:lnTo>
                <a:lnTo>
                  <a:pt x="8418771" y="4889411"/>
                </a:lnTo>
                <a:close/>
                <a:moveTo>
                  <a:pt x="8760061" y="4887025"/>
                </a:moveTo>
                <a:cubicBezTo>
                  <a:pt x="8746240" y="4887025"/>
                  <a:pt x="8729557" y="4887976"/>
                  <a:pt x="8717637" y="4889411"/>
                </a:cubicBezTo>
                <a:lnTo>
                  <a:pt x="8717637" y="5003417"/>
                </a:lnTo>
                <a:lnTo>
                  <a:pt x="8752437" y="5003417"/>
                </a:lnTo>
                <a:lnTo>
                  <a:pt x="8752437" y="4976223"/>
                </a:lnTo>
                <a:lnTo>
                  <a:pt x="8764833" y="4976223"/>
                </a:lnTo>
                <a:lnTo>
                  <a:pt x="8764833" y="4976232"/>
                </a:lnTo>
                <a:cubicBezTo>
                  <a:pt x="8797247" y="4976232"/>
                  <a:pt x="8817741" y="4959541"/>
                  <a:pt x="8817741" y="4930436"/>
                </a:cubicBezTo>
                <a:cubicBezTo>
                  <a:pt x="8817741" y="4898479"/>
                  <a:pt x="8795811" y="4887025"/>
                  <a:pt x="8760061" y="4887025"/>
                </a:cubicBezTo>
                <a:close/>
                <a:moveTo>
                  <a:pt x="8312480" y="4887025"/>
                </a:moveTo>
                <a:cubicBezTo>
                  <a:pt x="8298658" y="4887025"/>
                  <a:pt x="8281976" y="4887976"/>
                  <a:pt x="8270056" y="4889411"/>
                </a:cubicBezTo>
                <a:lnTo>
                  <a:pt x="8270056" y="5003417"/>
                </a:lnTo>
                <a:lnTo>
                  <a:pt x="8304856" y="5003417"/>
                </a:lnTo>
                <a:lnTo>
                  <a:pt x="8304856" y="4976223"/>
                </a:lnTo>
                <a:lnTo>
                  <a:pt x="8317251" y="4976223"/>
                </a:lnTo>
                <a:lnTo>
                  <a:pt x="8317242" y="4976232"/>
                </a:lnTo>
                <a:cubicBezTo>
                  <a:pt x="8349656" y="4976232"/>
                  <a:pt x="8370150" y="4959541"/>
                  <a:pt x="8370150" y="4930436"/>
                </a:cubicBezTo>
                <a:cubicBezTo>
                  <a:pt x="8370159" y="4898470"/>
                  <a:pt x="8348230" y="4887025"/>
                  <a:pt x="8312480" y="4887025"/>
                </a:cubicBezTo>
                <a:close/>
                <a:moveTo>
                  <a:pt x="8875412" y="4887016"/>
                </a:moveTo>
                <a:cubicBezTo>
                  <a:pt x="8847285" y="4887016"/>
                  <a:pt x="8828226" y="4898104"/>
                  <a:pt x="8828226" y="4921359"/>
                </a:cubicBezTo>
                <a:cubicBezTo>
                  <a:pt x="8828226" y="4961433"/>
                  <a:pt x="8882569" y="4953325"/>
                  <a:pt x="8882569" y="4971927"/>
                </a:cubicBezTo>
                <a:cubicBezTo>
                  <a:pt x="8882569" y="4979084"/>
                  <a:pt x="8877322" y="4982896"/>
                  <a:pt x="8864461" y="4982896"/>
                </a:cubicBezTo>
                <a:cubicBezTo>
                  <a:pt x="8853016" y="4982896"/>
                  <a:pt x="8835383" y="4979084"/>
                  <a:pt x="8824898" y="4973828"/>
                </a:cubicBezTo>
                <a:lnTo>
                  <a:pt x="8828710" y="5000063"/>
                </a:lnTo>
                <a:cubicBezTo>
                  <a:pt x="8839195" y="5003884"/>
                  <a:pt x="8853501" y="5005785"/>
                  <a:pt x="8864936" y="5005785"/>
                </a:cubicBezTo>
                <a:cubicBezTo>
                  <a:pt x="8894014" y="5005785"/>
                  <a:pt x="8917844" y="4996242"/>
                  <a:pt x="8917844" y="4967621"/>
                </a:cubicBezTo>
                <a:cubicBezTo>
                  <a:pt x="8917844" y="4938999"/>
                  <a:pt x="8887008" y="4935869"/>
                  <a:pt x="8871590" y="4928446"/>
                </a:cubicBezTo>
                <a:lnTo>
                  <a:pt x="8863036" y="4918501"/>
                </a:lnTo>
                <a:lnTo>
                  <a:pt x="8879233" y="4909439"/>
                </a:lnTo>
                <a:cubicBezTo>
                  <a:pt x="8890193" y="4909439"/>
                  <a:pt x="8902113" y="4911825"/>
                  <a:pt x="8910211" y="4915161"/>
                </a:cubicBezTo>
                <a:lnTo>
                  <a:pt x="8907350" y="4890352"/>
                </a:lnTo>
                <a:cubicBezTo>
                  <a:pt x="8898292" y="4888442"/>
                  <a:pt x="8890193" y="4887016"/>
                  <a:pt x="8875412" y="4887016"/>
                </a:cubicBezTo>
                <a:close/>
                <a:moveTo>
                  <a:pt x="0" y="0"/>
                </a:moveTo>
                <a:lnTo>
                  <a:pt x="9143999" y="0"/>
                </a:lnTo>
                <a:lnTo>
                  <a:pt x="9143999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87053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5B02D2D-78C2-DF6C-44E7-E210869DEA17}"/>
              </a:ext>
            </a:extLst>
          </p:cNvPr>
          <p:cNvSpPr>
            <a:spLocks noGrp="1"/>
          </p:cNvSpPr>
          <p:nvPr userDrawn="1"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7BCE1C-8B2D-2C20-DA1F-914D85142B69}"/>
              </a:ext>
            </a:extLst>
          </p:cNvPr>
          <p:cNvSpPr>
            <a:spLocks noGrp="1"/>
          </p:cNvSpPr>
          <p:nvPr userDrawn="1"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39A65204-B63A-C92D-8559-99D1D30D9D5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01E91343-BDCF-AC3A-40D7-0F1157E570D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902194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59244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C54A277B-7964-B12B-9A03-B942824271B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27C29E7A-B73D-4E62-4C77-AAD3DBE937A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741259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l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9621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light cor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97991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for clinical case – blac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B5A4746-22DC-AA0B-4718-963106F42FF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EBD3D34-771A-D991-0AFD-D570EC7F6C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lease note: black slides to be used for clinical images only!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51EE049-9196-8C24-394F-BE5DBFD3850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97317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for clinical case – blac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A49C5B3-0EE3-680C-0685-B2F90A2FAF2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6332D85-EA2F-6DDB-7DDF-2C062FF9EA9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8135939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A0211DD-0F60-E2A1-FBD2-3D9D286E69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693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FF834536-5D62-6E74-BF5A-1FF0B9592C5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0614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for clinical case - blac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C5FDB047-9967-2145-80C3-D61266F3B59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0" name="Content Placeholder 6">
            <a:extLst>
              <a:ext uri="{FF2B5EF4-FFF2-40B4-BE49-F238E27FC236}">
                <a16:creationId xmlns:a16="http://schemas.microsoft.com/office/drawing/2014/main" id="{4C3D6067-C121-A6A9-99EE-84CAE8843EE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Content Placeholder 6">
            <a:extLst>
              <a:ext uri="{FF2B5EF4-FFF2-40B4-BE49-F238E27FC236}">
                <a16:creationId xmlns:a16="http://schemas.microsoft.com/office/drawing/2014/main" id="{6DE59561-A21E-9F90-D0F1-D96788F1F4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821466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4A979538-0DC5-6402-C311-241613A2370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46848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2913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8245433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7536EE68-DBDC-3BAA-878D-9EE447BFBAB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64325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F568C8-1BD7-E7B3-38E2-5B7ED0EA40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8132765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D049C77E-35AD-3CFF-778D-2778583A3DA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3DC6205-A83D-C56E-95E7-87AD3BD94FD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98348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B8B6A192-560C-26DF-0654-5406C61E06FE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74557FD-3C88-91B2-A93D-C292FF65A8C2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55312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nd 1/2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5A40221-5DA6-10A4-CE38-F9D1C18EE09C}"/>
              </a:ext>
            </a:extLst>
          </p:cNvPr>
          <p:cNvSpPr/>
          <p:nvPr userDrawn="1"/>
        </p:nvSpPr>
        <p:spPr>
          <a:xfrm>
            <a:off x="4572000" y="0"/>
            <a:ext cx="4572000" cy="5143500"/>
          </a:xfrm>
          <a:prstGeom prst="rect">
            <a:avLst/>
          </a:prstGeom>
          <a:solidFill>
            <a:schemeClr val="bg1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200" dirty="0">
              <a:solidFill>
                <a:schemeClr val="bg1"/>
              </a:solidFill>
            </a:endParaRPr>
          </a:p>
        </p:txBody>
      </p:sp>
      <p:pic>
        <p:nvPicPr>
          <p:cNvPr id="16" name="Graphic 15">
            <a:extLst>
              <a:ext uri="{FF2B5EF4-FFF2-40B4-BE49-F238E27FC236}">
                <a16:creationId xmlns:a16="http://schemas.microsoft.com/office/drawing/2014/main" id="{B74FA7A2-C208-CA8F-FF1F-AA1A5D0C4B5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  <p:sp>
        <p:nvSpPr>
          <p:cNvPr id="17" name="Footer Placeholder 4">
            <a:extLst>
              <a:ext uri="{FF2B5EF4-FFF2-40B4-BE49-F238E27FC236}">
                <a16:creationId xmlns:a16="http://schemas.microsoft.com/office/drawing/2014/main" id="{FDDA9136-D3F9-F711-4B85-494AA9FC0C73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75CE4425-35A1-314D-C48B-0DFD71FE951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 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2D7C9E-6318-F070-BCE4-366530922D6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Tx/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A38994D7-FF6E-89BB-7971-44B59E5419D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3657281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14028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Graphic 3">
            <a:extLst>
              <a:ext uri="{FF2B5EF4-FFF2-40B4-BE49-F238E27FC236}">
                <a16:creationId xmlns:a16="http://schemas.microsoft.com/office/drawing/2014/main" id="{2DE5B8F3-CE57-07D8-37DB-2E155FA0A4F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3CF0764-DFB5-2754-87CE-F77CA3FFD3C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760C7FB-B180-5117-2B14-5A6E759E66A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08CC558-3F63-D067-60A8-9C372770394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63967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white (with imag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360DB3D-7BF0-14A1-B8F5-D344164BBEB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30EEF85-22C8-02AB-F7C4-D3F7156CA57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2688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3029D1A3-83DA-8590-DBA0-18A90F22E7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58D52DC9-CECD-E119-65AB-88BD5ED5C2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D0CE73CA-8B06-B187-2902-ACEEB863545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4E49EA-D788-2D1C-DE2B-0028D74CD9E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76661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1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9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96BED03-B79E-768B-FF09-7F2F6229ED2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53356289-1E30-3F0B-BFA0-B9AFF2A1E47D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4">
            <a:extLs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62345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15" r:id="rId1"/>
    <p:sldLayoutId id="2147483916" r:id="rId2"/>
    <p:sldLayoutId id="2147483920" r:id="rId3"/>
    <p:sldLayoutId id="2147483922" r:id="rId4"/>
    <p:sldLayoutId id="2147483951" r:id="rId5"/>
    <p:sldLayoutId id="2147483937" r:id="rId6"/>
    <p:sldLayoutId id="2147483925" r:id="rId7"/>
    <p:sldLayoutId id="2147483926" r:id="rId8"/>
    <p:sldLayoutId id="2147483927" r:id="rId9"/>
    <p:sldLayoutId id="2147483928" r:id="rId10"/>
    <p:sldLayoutId id="2147483958" r:id="rId11"/>
    <p:sldLayoutId id="2147483929" r:id="rId12"/>
    <p:sldLayoutId id="2147483930" r:id="rId13"/>
    <p:sldLayoutId id="2147483931" r:id="rId14"/>
    <p:sldLayoutId id="2147483932" r:id="rId15"/>
    <p:sldLayoutId id="2147483959" r:id="rId16"/>
    <p:sldLayoutId id="2147483936" r:id="rId17"/>
    <p:sldLayoutId id="2147483952" r:id="rId18"/>
    <p:sldLayoutId id="2147483961" r:id="rId19"/>
    <p:sldLayoutId id="2147483940" r:id="rId20"/>
    <p:sldLayoutId id="2147483962" r:id="rId21"/>
    <p:sldLayoutId id="2147483954" r:id="rId22"/>
    <p:sldLayoutId id="2147483934" r:id="rId23"/>
    <p:sldLayoutId id="2147483933" r:id="rId24"/>
    <p:sldLayoutId id="2147483935" r:id="rId25"/>
    <p:sldLayoutId id="2147483953" r:id="rId26"/>
    <p:sldLayoutId id="2147483960" r:id="rId27"/>
    <p:sldLayoutId id="2147483955" r:id="rId28"/>
    <p:sldLayoutId id="2147483956" r:id="rId29"/>
    <p:sldLayoutId id="2147483957" r:id="rId30"/>
    <p:sldLayoutId id="2147483948" r:id="rId31"/>
    <p:sldLayoutId id="2147483950" r:id="rId32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8288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6576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54864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73152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91440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IN" sz="14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474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652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828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006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178">
          <p15:clr>
            <a:srgbClr val="A4A3A4"/>
          </p15:clr>
        </p15:guide>
        <p15:guide id="7" orient="horz" pos="2958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8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7.xml"/><Relationship Id="rId4" Type="http://schemas.openxmlformats.org/officeDocument/2006/relationships/image" Target="../media/image5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22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3.xml"/><Relationship Id="rId4" Type="http://schemas.openxmlformats.org/officeDocument/2006/relationships/hyperlink" Target="https://www.linkedin.com/in/rodolfohansen/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9.xml"/><Relationship Id="rId4" Type="http://schemas.openxmlformats.org/officeDocument/2006/relationships/image" Target="../media/image5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23.xml"/><Relationship Id="rId4" Type="http://schemas.openxmlformats.org/officeDocument/2006/relationships/image" Target="../media/image5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4" Type="http://schemas.openxmlformats.org/officeDocument/2006/relationships/image" Target="../media/image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5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24.xml"/><Relationship Id="rId4" Type="http://schemas.openxmlformats.org/officeDocument/2006/relationships/image" Target="../media/image5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4.xml"/><Relationship Id="rId4" Type="http://schemas.openxmlformats.org/officeDocument/2006/relationships/image" Target="../media/image5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Relationship Id="rId4" Type="http://schemas.openxmlformats.org/officeDocument/2006/relationships/image" Target="../media/image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F35C0EA-99C7-0323-7018-8933753B915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Rodolfo Hansen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A70DF998-E2EC-D540-E729-2CF0593F838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GB" dirty="0"/>
              <a:t>10-10-2024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A6A23F3-5E09-48A4-3528-699B9431539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Serialization &amp; Deserialization without actually doing either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B1F6FDD-5D0B-80B7-BFD6-C216431E7BBA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GB" dirty="0"/>
              <a:t>Software Competency Lea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824476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EA8C8557-D4D9-0A71-EA69-EB2EFA8A447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39F30639-C65D-7B31-C9ED-52C7A3B409B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istential Encoding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FEC9A6F-5A7E-CED1-62B6-1D0B5A6D88A4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CA9ADF36-87A9-410E-BA3A-C90781C1964D}"/>
              </a:ext>
            </a:extLst>
          </p:cNvPr>
          <p:cNvSpPr txBox="1"/>
          <p:nvPr/>
        </p:nvSpPr>
        <p:spPr>
          <a:xfrm>
            <a:off x="790805" y="1861787"/>
            <a:ext cx="4572000" cy="133882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rai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self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ype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b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</a:b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268BD2"/>
                </a:solidFill>
                <a:effectLst/>
                <a:latin typeface="JetBrainsMono Nerd Font Mono"/>
              </a:rPr>
              <a:t>to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268BD2"/>
                </a:solidFill>
                <a:effectLst/>
                <a:latin typeface="JetBrainsMono Nerd Font Mono"/>
              </a:rPr>
              <a:t>from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</p:txBody>
      </p:sp>
      <p:grpSp>
        <p:nvGrpSpPr>
          <p:cNvPr id="18" name="Group 17">
            <a:extLst>
              <a:ext uri="{FF2B5EF4-FFF2-40B4-BE49-F238E27FC236}">
                <a16:creationId xmlns:a16="http://schemas.microsoft.com/office/drawing/2014/main" id="{802544F6-A4AD-21AE-BCA1-38F317E9AAD0}"/>
              </a:ext>
            </a:extLst>
          </p:cNvPr>
          <p:cNvGrpSpPr/>
          <p:nvPr/>
        </p:nvGrpSpPr>
        <p:grpSpPr>
          <a:xfrm>
            <a:off x="4276368" y="1610591"/>
            <a:ext cx="4158967" cy="1723187"/>
            <a:chOff x="866795" y="1608586"/>
            <a:chExt cx="6244795" cy="2587409"/>
          </a:xfrm>
        </p:grpSpPr>
        <p:sp>
          <p:nvSpPr>
            <p:cNvPr id="2" name="Rectangle 1">
              <a:extLst>
                <a:ext uri="{FF2B5EF4-FFF2-40B4-BE49-F238E27FC236}">
                  <a16:creationId xmlns:a16="http://schemas.microsoft.com/office/drawing/2014/main" id="{86203C26-8E2A-7E4B-7E74-06267533006E}"/>
                </a:ext>
              </a:extLst>
            </p:cNvPr>
            <p:cNvSpPr/>
            <p:nvPr/>
          </p:nvSpPr>
          <p:spPr>
            <a:xfrm>
              <a:off x="6045912" y="1870530"/>
              <a:ext cx="434820" cy="207652"/>
            </a:xfrm>
            <a:prstGeom prst="rect">
              <a:avLst/>
            </a:prstGeom>
            <a:solidFill>
              <a:schemeClr val="accent3">
                <a:lumMod val="75000"/>
              </a:schemeClr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endParaRPr lang="en-NL" sz="900" dirty="0" err="1">
                <a:solidFill>
                  <a:schemeClr val="bg1"/>
                </a:solidFill>
              </a:endParaRPr>
            </a:p>
          </p:txBody>
        </p:sp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C3CC0B34-F0A1-DB13-FFA4-402D57F4E632}"/>
                </a:ext>
              </a:extLst>
            </p:cNvPr>
            <p:cNvSpPr/>
            <p:nvPr/>
          </p:nvSpPr>
          <p:spPr>
            <a:xfrm>
              <a:off x="1566629" y="1870530"/>
              <a:ext cx="434820" cy="207652"/>
            </a:xfrm>
            <a:prstGeom prst="rect">
              <a:avLst/>
            </a:prstGeom>
            <a:solidFill>
              <a:schemeClr val="accent3">
                <a:lumMod val="75000"/>
              </a:schemeClr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endParaRPr lang="en-NL" sz="900" dirty="0" err="1">
                <a:solidFill>
                  <a:schemeClr val="bg1"/>
                </a:solidFill>
              </a:endParaRPr>
            </a:p>
          </p:txBody>
        </p:sp>
        <p:pic>
          <p:nvPicPr>
            <p:cNvPr id="8" name="Content Placeholder 10">
              <a:extLst>
                <a:ext uri="{FF2B5EF4-FFF2-40B4-BE49-F238E27FC236}">
                  <a16:creationId xmlns:a16="http://schemas.microsoft.com/office/drawing/2014/main" id="{DF6D7A26-ACFD-C9F4-CEE8-0B7D4B3960B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645273" y="1889712"/>
              <a:ext cx="1085850" cy="161925"/>
            </a:xfrm>
            <a:prstGeom prst="rect">
              <a:avLst/>
            </a:prstGeom>
          </p:spPr>
        </p:pic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5FA66858-73D9-C79E-D450-02CE102FCA52}"/>
                </a:ext>
              </a:extLst>
            </p:cNvPr>
            <p:cNvGrpSpPr/>
            <p:nvPr/>
          </p:nvGrpSpPr>
          <p:grpSpPr>
            <a:xfrm>
              <a:off x="1004520" y="1889712"/>
              <a:ext cx="1520670" cy="161926"/>
              <a:chOff x="3594255" y="2490786"/>
              <a:chExt cx="1520670" cy="161926"/>
            </a:xfrm>
          </p:grpSpPr>
          <p:pic>
            <p:nvPicPr>
              <p:cNvPr id="10" name="Picture 9">
                <a:extLst>
                  <a:ext uri="{FF2B5EF4-FFF2-40B4-BE49-F238E27FC236}">
                    <a16:creationId xmlns:a16="http://schemas.microsoft.com/office/drawing/2014/main" id="{65A597B5-7BFB-BBD7-9D89-A507067BE0D7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1" name="Picture 10">
                <a:extLst>
                  <a:ext uri="{FF2B5EF4-FFF2-40B4-BE49-F238E27FC236}">
                    <a16:creationId xmlns:a16="http://schemas.microsoft.com/office/drawing/2014/main" id="{4F8258FD-93CE-C8E9-B11A-DC74C64060C0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2" name="Picture 11">
                <a:extLst>
                  <a:ext uri="{FF2B5EF4-FFF2-40B4-BE49-F238E27FC236}">
                    <a16:creationId xmlns:a16="http://schemas.microsoft.com/office/drawing/2014/main" id="{85D8FBA0-6BBF-737A-9B58-AEF824117AC7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B18108E6-201D-83D3-9E14-FCF8211DA1B9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3594255" y="2490786"/>
                <a:ext cx="1085850" cy="161925"/>
              </a:xfrm>
              <a:prstGeom prst="rect">
                <a:avLst/>
              </a:prstGeom>
            </p:spPr>
          </p:pic>
        </p:grpSp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3D5AE8B3-2F37-C4F8-BC30-67F5092BB717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383491" y="1889712"/>
              <a:ext cx="1085850" cy="161925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66615A95-7655-CECB-934D-FEF787C7340E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926416" y="1889712"/>
              <a:ext cx="1085850" cy="161925"/>
            </a:xfrm>
            <a:prstGeom prst="rect">
              <a:avLst/>
            </a:prstGeom>
          </p:spPr>
        </p:pic>
        <p:sp>
          <p:nvSpPr>
            <p:cNvPr id="16" name="Rectangle: Rounded Corners 15">
              <a:extLst>
                <a:ext uri="{FF2B5EF4-FFF2-40B4-BE49-F238E27FC236}">
                  <a16:creationId xmlns:a16="http://schemas.microsoft.com/office/drawing/2014/main" id="{0303B947-22E4-ED16-CB00-8A1A12D6BE06}"/>
                </a:ext>
              </a:extLst>
            </p:cNvPr>
            <p:cNvSpPr/>
            <p:nvPr/>
          </p:nvSpPr>
          <p:spPr>
            <a:xfrm>
              <a:off x="2717622" y="2819934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600" dirty="0">
                  <a:solidFill>
                    <a:schemeClr val="bg1"/>
                  </a:solidFill>
                </a:rPr>
                <a:t>Address 1</a:t>
              </a:r>
              <a:endParaRPr lang="en-NL" sz="600" dirty="0" err="1">
                <a:solidFill>
                  <a:schemeClr val="bg1"/>
                </a:solidFill>
              </a:endParaRPr>
            </a:p>
          </p:txBody>
        </p:sp>
        <p:cxnSp>
          <p:nvCxnSpPr>
            <p:cNvPr id="17" name="Straight Arrow Connector 16">
              <a:extLst>
                <a:ext uri="{FF2B5EF4-FFF2-40B4-BE49-F238E27FC236}">
                  <a16:creationId xmlns:a16="http://schemas.microsoft.com/office/drawing/2014/main" id="{F2DEA52A-F707-6190-8FEF-448758F4FEBE}"/>
                </a:ext>
              </a:extLst>
            </p:cNvPr>
            <p:cNvCxnSpPr>
              <a:cxnSpLocks/>
              <a:endCxn id="16" idx="1"/>
            </p:cNvCxnSpPr>
            <p:nvPr/>
          </p:nvCxnSpPr>
          <p:spPr>
            <a:xfrm>
              <a:off x="1809617" y="2078182"/>
              <a:ext cx="908005" cy="872837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8C47EAEB-2B96-AF3E-B715-5636D9FD13DC}"/>
                </a:ext>
              </a:extLst>
            </p:cNvPr>
            <p:cNvCxnSpPr>
              <a:cxnSpLocks/>
              <a:stCxn id="16" idx="3"/>
            </p:cNvCxnSpPr>
            <p:nvPr/>
          </p:nvCxnSpPr>
          <p:spPr>
            <a:xfrm>
              <a:off x="3478557" y="2951019"/>
              <a:ext cx="657558" cy="0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A9513E4F-6E47-4F35-3487-1B4659002FDF}"/>
                </a:ext>
              </a:extLst>
            </p:cNvPr>
            <p:cNvCxnSpPr>
              <a:cxnSpLocks/>
              <a:endCxn id="2" idx="2"/>
            </p:cNvCxnSpPr>
            <p:nvPr/>
          </p:nvCxnSpPr>
          <p:spPr>
            <a:xfrm flipV="1">
              <a:off x="4897050" y="2078182"/>
              <a:ext cx="1366272" cy="872837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Arrow Connector 20">
              <a:extLst>
                <a:ext uri="{FF2B5EF4-FFF2-40B4-BE49-F238E27FC236}">
                  <a16:creationId xmlns:a16="http://schemas.microsoft.com/office/drawing/2014/main" id="{8DE3DBD9-8544-39EF-D428-A41CC9669AAB}"/>
                </a:ext>
              </a:extLst>
            </p:cNvPr>
            <p:cNvCxnSpPr>
              <a:cxnSpLocks/>
              <a:endCxn id="23" idx="0"/>
            </p:cNvCxnSpPr>
            <p:nvPr/>
          </p:nvCxnSpPr>
          <p:spPr>
            <a:xfrm>
              <a:off x="1264017" y="2104726"/>
              <a:ext cx="0" cy="1829099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22" name="Straight Arrow Connector 21">
              <a:extLst>
                <a:ext uri="{FF2B5EF4-FFF2-40B4-BE49-F238E27FC236}">
                  <a16:creationId xmlns:a16="http://schemas.microsoft.com/office/drawing/2014/main" id="{65B09C56-06CE-EAE0-BEA0-AC35D848891F}"/>
                </a:ext>
              </a:extLst>
            </p:cNvPr>
            <p:cNvCxnSpPr>
              <a:cxnSpLocks/>
              <a:stCxn id="24" idx="0"/>
            </p:cNvCxnSpPr>
            <p:nvPr/>
          </p:nvCxnSpPr>
          <p:spPr>
            <a:xfrm flipV="1">
              <a:off x="6731123" y="2104726"/>
              <a:ext cx="0" cy="1829099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50FA8F95-7C8C-C797-26E0-9094C21BC208}"/>
                </a:ext>
              </a:extLst>
            </p:cNvPr>
            <p:cNvSpPr/>
            <p:nvPr/>
          </p:nvSpPr>
          <p:spPr>
            <a:xfrm>
              <a:off x="883549" y="3933825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600" dirty="0">
                  <a:solidFill>
                    <a:schemeClr val="bg1"/>
                  </a:solidFill>
                </a:rPr>
                <a:t>Person 1</a:t>
              </a:r>
              <a:endParaRPr lang="en-NL" sz="600" dirty="0" err="1">
                <a:solidFill>
                  <a:schemeClr val="bg1"/>
                </a:solidFill>
              </a:endParaRPr>
            </a:p>
          </p:txBody>
        </p:sp>
        <p:sp>
          <p:nvSpPr>
            <p:cNvPr id="24" name="Rectangle: Rounded Corners 23">
              <a:extLst>
                <a:ext uri="{FF2B5EF4-FFF2-40B4-BE49-F238E27FC236}">
                  <a16:creationId xmlns:a16="http://schemas.microsoft.com/office/drawing/2014/main" id="{6A746058-11BA-78FA-62C1-39C8D31EB408}"/>
                </a:ext>
              </a:extLst>
            </p:cNvPr>
            <p:cNvSpPr/>
            <p:nvPr/>
          </p:nvSpPr>
          <p:spPr>
            <a:xfrm>
              <a:off x="6350655" y="3933825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600" dirty="0">
                  <a:solidFill>
                    <a:schemeClr val="bg1"/>
                  </a:solidFill>
                </a:rPr>
                <a:t>Person 2</a:t>
              </a:r>
              <a:endParaRPr lang="en-NL" sz="600" dirty="0" err="1">
                <a:solidFill>
                  <a:schemeClr val="bg1"/>
                </a:solidFill>
              </a:endParaRPr>
            </a:p>
          </p:txBody>
        </p: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6E45F00E-6183-8266-999D-C23A9949CC60}"/>
                </a:ext>
              </a:extLst>
            </p:cNvPr>
            <p:cNvCxnSpPr>
              <a:cxnSpLocks/>
              <a:stCxn id="23" idx="3"/>
              <a:endCxn id="24" idx="1"/>
            </p:cNvCxnSpPr>
            <p:nvPr/>
          </p:nvCxnSpPr>
          <p:spPr>
            <a:xfrm>
              <a:off x="1644484" y="4064910"/>
              <a:ext cx="4706171" cy="0"/>
            </a:xfrm>
            <a:prstGeom prst="straightConnector1">
              <a:avLst/>
            </a:prstGeom>
            <a:ln>
              <a:solidFill>
                <a:schemeClr val="accent3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036883EA-AF66-C072-1DE4-E999F6CA87EC}"/>
                </a:ext>
              </a:extLst>
            </p:cNvPr>
            <p:cNvSpPr txBox="1"/>
            <p:nvPr/>
          </p:nvSpPr>
          <p:spPr>
            <a:xfrm>
              <a:off x="866795" y="3659001"/>
              <a:ext cx="356711" cy="34660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900" dirty="0"/>
                <a:t>S</a:t>
              </a:r>
              <a:endParaRPr lang="en-NL" sz="900" dirty="0"/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DA7C8506-D7E8-BAAF-CD5C-1D3DFBD5ADA9}"/>
                </a:ext>
              </a:extLst>
            </p:cNvPr>
            <p:cNvSpPr txBox="1"/>
            <p:nvPr/>
          </p:nvSpPr>
          <p:spPr>
            <a:xfrm>
              <a:off x="5824583" y="1608586"/>
              <a:ext cx="811624" cy="34660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900" dirty="0"/>
                <a:t>Json / T</a:t>
              </a:r>
              <a:endParaRPr lang="en-NL" sz="900" dirty="0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930E78D4-4964-212B-8A99-ACD64F60A0D1}"/>
                </a:ext>
              </a:extLst>
            </p:cNvPr>
            <p:cNvSpPr txBox="1"/>
            <p:nvPr/>
          </p:nvSpPr>
          <p:spPr>
            <a:xfrm>
              <a:off x="3029643" y="2541370"/>
              <a:ext cx="378372" cy="34660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900" dirty="0"/>
                <a:t>A</a:t>
              </a:r>
              <a:endParaRPr lang="en-NL" sz="900" dirty="0"/>
            </a:p>
          </p:txBody>
        </p:sp>
        <p:pic>
          <p:nvPicPr>
            <p:cNvPr id="29" name="Picture 28">
              <a:extLst>
                <a:ext uri="{FF2B5EF4-FFF2-40B4-BE49-F238E27FC236}">
                  <a16:creationId xmlns:a16="http://schemas.microsoft.com/office/drawing/2014/main" id="{D6E01321-DB42-F1F2-E6EC-8DA4CDD6F99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rcRect l="8649" t="-31048" r="46397" b="-8922"/>
            <a:stretch/>
          </p:blipFill>
          <p:spPr>
            <a:xfrm>
              <a:off x="4287923" y="2819934"/>
              <a:ext cx="488138" cy="226645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E647CF04-A62A-9E18-2295-0AF6625C9B73}"/>
                </a:ext>
              </a:extLst>
            </p:cNvPr>
            <p:cNvSpPr txBox="1"/>
            <p:nvPr/>
          </p:nvSpPr>
          <p:spPr>
            <a:xfrm>
              <a:off x="4374558" y="2541370"/>
              <a:ext cx="821252" cy="34660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900" dirty="0"/>
                <a:t>Json / B</a:t>
              </a:r>
              <a:endParaRPr lang="en-NL" sz="900" dirty="0"/>
            </a:p>
          </p:txBody>
        </p: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12E57353-1BDF-507B-7E8D-0D1067F844E7}"/>
                </a:ext>
              </a:extLst>
            </p:cNvPr>
            <p:cNvCxnSpPr/>
            <p:nvPr/>
          </p:nvCxnSpPr>
          <p:spPr>
            <a:xfrm flipH="1">
              <a:off x="1264017" y="3082104"/>
              <a:ext cx="1834073" cy="851721"/>
            </a:xfrm>
            <a:prstGeom prst="line">
              <a:avLst/>
            </a:prstGeom>
            <a:ln>
              <a:prstDash val="sysDot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Arrow Connector 39">
              <a:extLst>
                <a:ext uri="{FF2B5EF4-FFF2-40B4-BE49-F238E27FC236}">
                  <a16:creationId xmlns:a16="http://schemas.microsoft.com/office/drawing/2014/main" id="{01BA2A4B-9FEC-8413-F968-BEF087EC93C0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525190" y="1970675"/>
              <a:ext cx="2858301" cy="1"/>
            </a:xfrm>
            <a:prstGeom prst="straightConnector1">
              <a:avLst/>
            </a:prstGeom>
            <a:ln>
              <a:prstDash val="soli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F65DB90B-EB3C-8277-BDD7-C0DA263F8353}"/>
              </a:ext>
            </a:extLst>
          </p:cNvPr>
          <p:cNvCxnSpPr>
            <a:cxnSpLocks/>
          </p:cNvCxnSpPr>
          <p:nvPr/>
        </p:nvCxnSpPr>
        <p:spPr>
          <a:xfrm flipV="1">
            <a:off x="434821" y="2531201"/>
            <a:ext cx="610208" cy="102813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610F4421-4EE0-E52E-B697-47291BF30892}"/>
              </a:ext>
            </a:extLst>
          </p:cNvPr>
          <p:cNvSpPr txBox="1"/>
          <p:nvPr/>
        </p:nvSpPr>
        <p:spPr>
          <a:xfrm>
            <a:off x="182121" y="3559337"/>
            <a:ext cx="1833772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xistential complement</a:t>
            </a:r>
            <a:endParaRPr lang="en-NL" dirty="0"/>
          </a:p>
        </p:txBody>
      </p:sp>
      <p:cxnSp>
        <p:nvCxnSpPr>
          <p:cNvPr id="42" name="Connector: Elbow 41">
            <a:extLst>
              <a:ext uri="{FF2B5EF4-FFF2-40B4-BE49-F238E27FC236}">
                <a16:creationId xmlns:a16="http://schemas.microsoft.com/office/drawing/2014/main" id="{08BEA705-2937-8A14-18CA-F00A2A274E00}"/>
              </a:ext>
            </a:extLst>
          </p:cNvPr>
          <p:cNvCxnSpPr>
            <a:stCxn id="37" idx="3"/>
          </p:cNvCxnSpPr>
          <p:nvPr/>
        </p:nvCxnSpPr>
        <p:spPr>
          <a:xfrm>
            <a:off x="2015893" y="3709378"/>
            <a:ext cx="1758585" cy="890123"/>
          </a:xfrm>
          <a:prstGeom prst="bentConnector3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F82BD3C4-DD28-7AE0-7833-38A0421A6640}"/>
              </a:ext>
            </a:extLst>
          </p:cNvPr>
          <p:cNvSpPr txBox="1"/>
          <p:nvPr/>
        </p:nvSpPr>
        <p:spPr>
          <a:xfrm>
            <a:off x="3823858" y="4445757"/>
            <a:ext cx="166763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 our case: A zipper!</a:t>
            </a:r>
            <a:endParaRPr lang="en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529421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9DE54B50-D838-83CB-E046-C3CDB8DE8A5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09EBF9C8-B278-5CD0-72C5-E135C81430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tics (</a:t>
            </a:r>
            <a:r>
              <a:rPr lang="en-GB" dirty="0" err="1"/>
              <a:t>eo</a:t>
            </a:r>
            <a:r>
              <a:rPr lang="en-GB" dirty="0"/>
              <a:t>)</a:t>
            </a:r>
            <a:br>
              <a:rPr lang="en-GB" dirty="0"/>
            </a:br>
            <a:br>
              <a:rPr lang="en-GB" dirty="0"/>
            </a:br>
            <a:r>
              <a:rPr lang="en-GB" dirty="0"/>
              <a:t>Existential Encoding: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5AB0C34-B028-C67E-D0C1-A159F84F87A4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11</a:t>
            </a:fld>
            <a:endParaRPr lang="en-US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7D65E09-8873-A8DE-B066-3977FC1F04B7}"/>
              </a:ext>
            </a:extLst>
          </p:cNvPr>
          <p:cNvSpPr txBox="1"/>
          <p:nvPr/>
        </p:nvSpPr>
        <p:spPr>
          <a:xfrm>
            <a:off x="790805" y="1861787"/>
            <a:ext cx="4572000" cy="15465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rai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self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</a:p>
          <a:p>
            <a:r>
              <a:rPr lang="en-US" dirty="0">
                <a:solidFill>
                  <a:srgbClr val="859900"/>
                </a:solidFill>
                <a:latin typeface="JetBrainsMono Nerd Font Mono"/>
              </a:rPr>
              <a:t>    </a:t>
            </a:r>
            <a:r>
              <a:rPr lang="en-US" dirty="0">
                <a:solidFill>
                  <a:srgbClr val="839496"/>
                </a:solidFill>
                <a:latin typeface="JetBrainsMono Nerd Font Mono"/>
              </a:rPr>
              <a:t>…</a:t>
            </a:r>
          </a:p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    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268BD2"/>
                </a:solidFill>
                <a:effectLst/>
                <a:latin typeface="JetBrainsMono Nerd Font Mono"/>
              </a:rPr>
              <a:t>andThe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(o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(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using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 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a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ssociative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self.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o.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)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</a:p>
          <a:p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F333F2F-2336-274D-6CB5-B5A8A727029C}"/>
              </a:ext>
            </a:extLst>
          </p:cNvPr>
          <p:cNvSpPr txBox="1"/>
          <p:nvPr/>
        </p:nvSpPr>
        <p:spPr>
          <a:xfrm>
            <a:off x="5926416" y="625642"/>
            <a:ext cx="1938799" cy="300082"/>
          </a:xfrm>
          <a:prstGeom prst="rect">
            <a:avLst/>
          </a:prstGeom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wrap="square" rtlCol="0">
            <a:spAutoFit/>
          </a:bodyPr>
          <a:lstStyle/>
          <a:p>
            <a:r>
              <a:rPr lang="en-US" dirty="0"/>
              <a:t>Optics compose!!!</a:t>
            </a:r>
            <a:endParaRPr lang="en-NL" dirty="0"/>
          </a:p>
        </p:txBody>
      </p: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7C2BEB26-7DF7-0B85-9C0C-90F231986973}"/>
              </a:ext>
            </a:extLst>
          </p:cNvPr>
          <p:cNvCxnSpPr>
            <a:cxnSpLocks/>
          </p:cNvCxnSpPr>
          <p:nvPr/>
        </p:nvCxnSpPr>
        <p:spPr>
          <a:xfrm flipH="1" flipV="1">
            <a:off x="3107585" y="3004457"/>
            <a:ext cx="398761" cy="694394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67D5AEC3-5F7C-D5A8-687A-2987EC4440C1}"/>
              </a:ext>
            </a:extLst>
          </p:cNvPr>
          <p:cNvCxnSpPr>
            <a:cxnSpLocks/>
          </p:cNvCxnSpPr>
          <p:nvPr/>
        </p:nvCxnSpPr>
        <p:spPr>
          <a:xfrm flipH="1" flipV="1">
            <a:off x="3499471" y="3004457"/>
            <a:ext cx="398761" cy="694394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C2073AC6-4AF0-3AFA-F744-F5C8D20F0170}"/>
              </a:ext>
            </a:extLst>
          </p:cNvPr>
          <p:cNvSpPr txBox="1"/>
          <p:nvPr/>
        </p:nvSpPr>
        <p:spPr>
          <a:xfrm>
            <a:off x="4561688" y="2506563"/>
            <a:ext cx="4572000" cy="237757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clas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JsonAssociative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extend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ssociative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Json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,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H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H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ype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Z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HCursor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268BD2"/>
                </a:solidFill>
                <a:effectLst/>
                <a:latin typeface="JetBrainsMono Nerd Font Mono"/>
              </a:rPr>
              <a:t>associateLef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(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Json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H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Json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H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Json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H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(s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get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get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)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  </a:t>
            </a:r>
            <a:r>
              <a:rPr lang="en-US" b="0" dirty="0" err="1">
                <a:solidFill>
                  <a:srgbClr val="859900"/>
                </a:solidFill>
                <a:effectLst/>
                <a:latin typeface="JetBrainsMono Nerd Font Mono"/>
              </a:rPr>
              <a:t>val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(c1, a)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get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(s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  </a:t>
            </a:r>
            <a:r>
              <a:rPr lang="en-US" b="0" dirty="0" err="1">
                <a:solidFill>
                  <a:srgbClr val="859900"/>
                </a:solidFill>
                <a:effectLst/>
                <a:latin typeface="JetBrainsMono Nerd Font Mono"/>
              </a:rPr>
              <a:t>val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(c2, c)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get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(a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  (c1.replay(c2.history), c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268BD2"/>
                </a:solidFill>
                <a:effectLst/>
                <a:latin typeface="JetBrainsMono Nerd Font Mono"/>
              </a:rPr>
              <a:t>associateRigh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(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Json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dirty="0" err="1">
                <a:solidFill>
                  <a:srgbClr val="CB4B16"/>
                </a:solidFill>
                <a:latin typeface="JetBrainsMono Nerd Font Mono"/>
              </a:rPr>
              <a:t>H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,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Json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H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Json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H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)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...</a:t>
            </a:r>
          </a:p>
        </p:txBody>
      </p:sp>
      <p:cxnSp>
        <p:nvCxnSpPr>
          <p:cNvPr id="44" name="Connector: Elbow 43">
            <a:extLst>
              <a:ext uri="{FF2B5EF4-FFF2-40B4-BE49-F238E27FC236}">
                <a16:creationId xmlns:a16="http://schemas.microsoft.com/office/drawing/2014/main" id="{DA7329D7-BDD6-EB55-BBD0-C3CD993A5FF9}"/>
              </a:ext>
            </a:extLst>
          </p:cNvPr>
          <p:cNvCxnSpPr>
            <a:cxnSpLocks/>
          </p:cNvCxnSpPr>
          <p:nvPr/>
        </p:nvCxnSpPr>
        <p:spPr>
          <a:xfrm rot="10800000">
            <a:off x="3898232" y="3698851"/>
            <a:ext cx="873148" cy="611892"/>
          </a:xfrm>
          <a:prstGeom prst="bentConnector3">
            <a:avLst>
              <a:gd name="adj1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Connector: Elbow 48">
            <a:extLst>
              <a:ext uri="{FF2B5EF4-FFF2-40B4-BE49-F238E27FC236}">
                <a16:creationId xmlns:a16="http://schemas.microsoft.com/office/drawing/2014/main" id="{C67029CB-3320-7FB1-AF7F-0A82361E4B18}"/>
              </a:ext>
            </a:extLst>
          </p:cNvPr>
          <p:cNvCxnSpPr>
            <a:cxnSpLocks/>
          </p:cNvCxnSpPr>
          <p:nvPr/>
        </p:nvCxnSpPr>
        <p:spPr>
          <a:xfrm rot="10800000">
            <a:off x="3499471" y="3698851"/>
            <a:ext cx="873148" cy="611892"/>
          </a:xfrm>
          <a:prstGeom prst="bentConnector3">
            <a:avLst>
              <a:gd name="adj1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933847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8682F50B-8D44-1292-A0E5-A94145090E2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479E9C81-A40D-B7D4-EDCE-9AFE441B4FA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ank you!</a:t>
            </a:r>
            <a:br>
              <a:rPr lang="en-GB" dirty="0"/>
            </a:br>
            <a:br>
              <a:rPr lang="en-GB" dirty="0"/>
            </a:br>
            <a:r>
              <a:rPr lang="en-GB" dirty="0"/>
              <a:t>You can find more information here: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8B50802-2483-072E-D613-BC3B6879E5E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12</a:t>
            </a:fld>
            <a:endParaRPr lang="en-US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4F85B160-D12C-7F8D-9721-83036A0BAADB}"/>
              </a:ext>
            </a:extLst>
          </p:cNvPr>
          <p:cNvSpPr txBox="1"/>
          <p:nvPr/>
        </p:nvSpPr>
        <p:spPr>
          <a:xfrm>
            <a:off x="1082929" y="1629812"/>
            <a:ext cx="4572000" cy="113107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solidFill>
                  <a:srgbClr val="839496"/>
                </a:solidFill>
                <a:latin typeface="JetBrainsMono Nerd Font Mono"/>
              </a:rPr>
              <a:t>https://github.com/Constructive-Programming/eo</a:t>
            </a:r>
            <a:endParaRPr lang="en-US" b="0" dirty="0">
              <a:solidFill>
                <a:srgbClr val="859900"/>
              </a:solidFill>
              <a:effectLst/>
              <a:latin typeface="JetBrainsMono Nerd Font Mono"/>
            </a:endParaRPr>
          </a:p>
          <a:p>
            <a:br>
              <a:rPr lang="en-US" b="0" dirty="0">
                <a:solidFill>
                  <a:srgbClr val="859900"/>
                </a:solidFill>
                <a:effectLst/>
                <a:latin typeface="JetBrainsMono Nerd Font Mono"/>
                <a:hlinkClick r:id="rId4"/>
              </a:rPr>
            </a:b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  <a:hlinkClick r:id="rId4"/>
              </a:rPr>
              <a:t>https://x.com/rhansen82</a:t>
            </a:r>
          </a:p>
          <a:p>
            <a:endParaRPr lang="en-US" dirty="0">
              <a:solidFill>
                <a:srgbClr val="859900"/>
              </a:solidFill>
              <a:latin typeface="JetBrainsMono Nerd Font Mono"/>
              <a:hlinkClick r:id="rId4"/>
            </a:endParaRPr>
          </a:p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  <a:hlinkClick r:id="rId4"/>
              </a:rPr>
              <a:t>https://www.linkedin.com/in/rodolfohansen/</a:t>
            </a:r>
            <a:endParaRPr lang="en-US" b="0" dirty="0">
              <a:solidFill>
                <a:srgbClr val="859900"/>
              </a:solidFill>
              <a:effectLst/>
              <a:latin typeface="JetBrainsMono Nerd Font Mono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02589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4F280CCA-2050-780A-5BDB-823450E321F8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81656657-4D5A-807F-8E3C-C31C94265F0C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2F05DF7-6DCF-481F-5322-08E9F73491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timized and typical Serialization &amp; Deserialization workflow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01A556-1BDB-4DD8-A59A-FE31D3FD182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pic>
        <p:nvPicPr>
          <p:cNvPr id="11" name="Content Placeholder 10">
            <a:extLst>
              <a:ext uri="{FF2B5EF4-FFF2-40B4-BE49-F238E27FC236}">
                <a16:creationId xmlns:a16="http://schemas.microsoft.com/office/drawing/2014/main" id="{FF65AA10-09CD-8EB5-DC08-9426644BB2CD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</p:spPr>
      </p:pic>
      <p:grpSp>
        <p:nvGrpSpPr>
          <p:cNvPr id="20" name="Group 19">
            <a:extLst>
              <a:ext uri="{FF2B5EF4-FFF2-40B4-BE49-F238E27FC236}">
                <a16:creationId xmlns:a16="http://schemas.microsoft.com/office/drawing/2014/main" id="{B91AD283-F810-DA6B-ECE5-257ECAA2E632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A409C9F9-C496-4C89-E890-66774D2087E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83AF7B8A-3542-5909-E756-D7D377D7D34F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888A26CE-427C-2AAC-56C3-A7C51F9DBE8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FD13AF35-8076-7706-6DB9-EB4D2121E64A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7" name="Picture 16">
            <a:extLst>
              <a:ext uri="{FF2B5EF4-FFF2-40B4-BE49-F238E27FC236}">
                <a16:creationId xmlns:a16="http://schemas.microsoft.com/office/drawing/2014/main" id="{0BA5280E-7788-073A-A5AB-A8816A7E684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D494F0F0-533B-05D9-DBF9-D57945346B7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404D2E6F-D329-775D-803C-DF52BF7C344B}"/>
              </a:ext>
            </a:extLst>
          </p:cNvPr>
          <p:cNvSpPr/>
          <p:nvPr/>
        </p:nvSpPr>
        <p:spPr>
          <a:xfrm>
            <a:off x="2717622" y="2819934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Address 1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35A79DC5-8EC9-C083-98F2-831F30C02B0E}"/>
              </a:ext>
            </a:extLst>
          </p:cNvPr>
          <p:cNvCxnSpPr>
            <a:cxnSpLocks/>
            <a:endCxn id="22" idx="1"/>
          </p:cNvCxnSpPr>
          <p:nvPr/>
        </p:nvCxnSpPr>
        <p:spPr>
          <a:xfrm>
            <a:off x="1809617" y="2078182"/>
            <a:ext cx="908005" cy="872837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29F4960C-E6F1-6687-52E1-AC26D8306F0F}"/>
              </a:ext>
            </a:extLst>
          </p:cNvPr>
          <p:cNvSpPr/>
          <p:nvPr/>
        </p:nvSpPr>
        <p:spPr>
          <a:xfrm>
            <a:off x="4136115" y="2819934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Address 2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C67660EE-46A7-16EC-B199-196FE0D98D71}"/>
              </a:ext>
            </a:extLst>
          </p:cNvPr>
          <p:cNvCxnSpPr>
            <a:cxnSpLocks/>
            <a:stCxn id="22" idx="3"/>
            <a:endCxn id="26" idx="1"/>
          </p:cNvCxnSpPr>
          <p:nvPr/>
        </p:nvCxnSpPr>
        <p:spPr>
          <a:xfrm>
            <a:off x="3478557" y="2951019"/>
            <a:ext cx="657558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CA351DC2-7B97-512E-BCC0-4E9B10DE5E79}"/>
              </a:ext>
            </a:extLst>
          </p:cNvPr>
          <p:cNvCxnSpPr>
            <a:cxnSpLocks/>
            <a:stCxn id="26" idx="3"/>
            <a:endCxn id="30" idx="2"/>
          </p:cNvCxnSpPr>
          <p:nvPr/>
        </p:nvCxnSpPr>
        <p:spPr>
          <a:xfrm flipV="1">
            <a:off x="4897050" y="2078182"/>
            <a:ext cx="1366272" cy="872837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D903FF18-1431-B004-6704-651FD8155E1F}"/>
              </a:ext>
            </a:extLst>
          </p:cNvPr>
          <p:cNvCxnSpPr>
            <a:cxnSpLocks/>
            <a:endCxn id="42" idx="0"/>
          </p:cNvCxnSpPr>
          <p:nvPr/>
        </p:nvCxnSpPr>
        <p:spPr>
          <a:xfrm>
            <a:off x="1264017" y="2104726"/>
            <a:ext cx="0" cy="1829099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7AF7893C-949C-F96C-4892-D53FA5E4FEED}"/>
              </a:ext>
            </a:extLst>
          </p:cNvPr>
          <p:cNvCxnSpPr>
            <a:cxnSpLocks/>
            <a:stCxn id="43" idx="0"/>
          </p:cNvCxnSpPr>
          <p:nvPr/>
        </p:nvCxnSpPr>
        <p:spPr>
          <a:xfrm flipV="1">
            <a:off x="6731123" y="2104726"/>
            <a:ext cx="0" cy="1829099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42" name="Rectangle: Rounded Corners 41">
            <a:extLst>
              <a:ext uri="{FF2B5EF4-FFF2-40B4-BE49-F238E27FC236}">
                <a16:creationId xmlns:a16="http://schemas.microsoft.com/office/drawing/2014/main" id="{FBF197B8-7588-C698-75D1-326B8B5BAFB6}"/>
              </a:ext>
            </a:extLst>
          </p:cNvPr>
          <p:cNvSpPr/>
          <p:nvPr/>
        </p:nvSpPr>
        <p:spPr>
          <a:xfrm>
            <a:off x="883549" y="3933825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Person 1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sp>
        <p:nvSpPr>
          <p:cNvPr id="43" name="Rectangle: Rounded Corners 42">
            <a:extLst>
              <a:ext uri="{FF2B5EF4-FFF2-40B4-BE49-F238E27FC236}">
                <a16:creationId xmlns:a16="http://schemas.microsoft.com/office/drawing/2014/main" id="{DE9DC88D-2E5D-AAB9-7C58-1B5A807EE8D2}"/>
              </a:ext>
            </a:extLst>
          </p:cNvPr>
          <p:cNvSpPr/>
          <p:nvPr/>
        </p:nvSpPr>
        <p:spPr>
          <a:xfrm>
            <a:off x="6350655" y="3933825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Person 2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806C3364-0458-48F6-D35C-0A41410AF2D8}"/>
              </a:ext>
            </a:extLst>
          </p:cNvPr>
          <p:cNvCxnSpPr>
            <a:cxnSpLocks/>
            <a:stCxn id="42" idx="3"/>
            <a:endCxn id="43" idx="1"/>
          </p:cNvCxnSpPr>
          <p:nvPr/>
        </p:nvCxnSpPr>
        <p:spPr>
          <a:xfrm>
            <a:off x="1644484" y="4064910"/>
            <a:ext cx="4706171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TextBox 49">
            <a:extLst>
              <a:ext uri="{FF2B5EF4-FFF2-40B4-BE49-F238E27FC236}">
                <a16:creationId xmlns:a16="http://schemas.microsoft.com/office/drawing/2014/main" id="{248E2A65-0347-F296-B0E5-9065BB8D00E8}"/>
              </a:ext>
            </a:extLst>
          </p:cNvPr>
          <p:cNvSpPr txBox="1"/>
          <p:nvPr/>
        </p:nvSpPr>
        <p:spPr>
          <a:xfrm>
            <a:off x="985390" y="1589404"/>
            <a:ext cx="1658211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Binary / JSON format</a:t>
            </a:r>
            <a:endParaRPr lang="en-NL" dirty="0"/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F821DA4B-4E33-E7F9-3E24-70C25F03E6A3}"/>
              </a:ext>
            </a:extLst>
          </p:cNvPr>
          <p:cNvSpPr txBox="1"/>
          <p:nvPr/>
        </p:nvSpPr>
        <p:spPr>
          <a:xfrm>
            <a:off x="815378" y="4262223"/>
            <a:ext cx="172226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 memory data types</a:t>
            </a:r>
            <a:endParaRPr lang="en-NL" dirty="0"/>
          </a:p>
        </p:txBody>
      </p:sp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332A05FC-E11C-A1DD-5B07-DE91B03351E6}"/>
              </a:ext>
            </a:extLst>
          </p:cNvPr>
          <p:cNvCxnSpPr>
            <a:stCxn id="22" idx="2"/>
            <a:endCxn id="42" idx="0"/>
          </p:cNvCxnSpPr>
          <p:nvPr/>
        </p:nvCxnSpPr>
        <p:spPr>
          <a:xfrm flipH="1">
            <a:off x="1264017" y="3082104"/>
            <a:ext cx="1834073" cy="851721"/>
          </a:xfrm>
          <a:prstGeom prst="line">
            <a:avLst/>
          </a:prstGeom>
          <a:ln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B3A7496C-A0AA-6180-BB21-A7972AC05A96}"/>
              </a:ext>
            </a:extLst>
          </p:cNvPr>
          <p:cNvCxnSpPr>
            <a:cxnSpLocks/>
            <a:stCxn id="26" idx="2"/>
            <a:endCxn id="43" idx="0"/>
          </p:cNvCxnSpPr>
          <p:nvPr/>
        </p:nvCxnSpPr>
        <p:spPr>
          <a:xfrm>
            <a:off x="4516583" y="3082104"/>
            <a:ext cx="2214540" cy="851721"/>
          </a:xfrm>
          <a:prstGeom prst="line">
            <a:avLst/>
          </a:prstGeom>
          <a:ln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541E5E8D-31A9-26BE-8D7F-34DFBC7688A6}"/>
              </a:ext>
            </a:extLst>
          </p:cNvPr>
          <p:cNvCxnSpPr>
            <a:cxnSpLocks/>
            <a:stCxn id="13" idx="3"/>
            <a:endCxn id="17" idx="1"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50763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110B0086-3D2D-6609-6A83-9A8074CCA1F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730F1B2E-F6AC-3EEF-FD1B-8352A089AA1B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A48EDFE0-046C-A6CE-7D4C-F7B3BC291F99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65B8B22-C794-2E7B-D3A4-36C02BC67E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an we get away with never decoding the input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F0E8BA0-6BD6-01A5-7642-526C3024BAC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pic>
        <p:nvPicPr>
          <p:cNvPr id="11" name="Content Placeholder 10">
            <a:extLst>
              <a:ext uri="{FF2B5EF4-FFF2-40B4-BE49-F238E27FC236}">
                <a16:creationId xmlns:a16="http://schemas.microsoft.com/office/drawing/2014/main" id="{9AD1CF56-AB65-4C0A-C0F5-49C104794442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</p:spPr>
      </p:pic>
      <p:grpSp>
        <p:nvGrpSpPr>
          <p:cNvPr id="20" name="Group 19">
            <a:extLst>
              <a:ext uri="{FF2B5EF4-FFF2-40B4-BE49-F238E27FC236}">
                <a16:creationId xmlns:a16="http://schemas.microsoft.com/office/drawing/2014/main" id="{77747AD7-76D2-208D-E0BD-34B71BBD51A7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E643CC07-40B0-7A2A-79E1-15F6DD656E8A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45826E82-22EC-204C-45E2-33B9DD5FA83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03EB758F-87B6-116D-E7EA-ECB504ABF8C4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8D934C7A-B1A4-4E53-31D6-E3991ABF712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7" name="Picture 16">
            <a:extLst>
              <a:ext uri="{FF2B5EF4-FFF2-40B4-BE49-F238E27FC236}">
                <a16:creationId xmlns:a16="http://schemas.microsoft.com/office/drawing/2014/main" id="{64674844-7F06-AFE8-3626-2EC0C39BA2F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7329F013-4855-61CC-ABF0-D8DC99A2BDA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BF375759-DA93-D5EA-5048-A874C239E57C}"/>
              </a:ext>
            </a:extLst>
          </p:cNvPr>
          <p:cNvCxnSpPr>
            <a:cxnSpLocks/>
            <a:endCxn id="30" idx="2"/>
          </p:cNvCxnSpPr>
          <p:nvPr/>
        </p:nvCxnSpPr>
        <p:spPr>
          <a:xfrm flipV="1">
            <a:off x="4897050" y="2078182"/>
            <a:ext cx="1366272" cy="87283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" name="Picture 1">
            <a:extLst>
              <a:ext uri="{FF2B5EF4-FFF2-40B4-BE49-F238E27FC236}">
                <a16:creationId xmlns:a16="http://schemas.microsoft.com/office/drawing/2014/main" id="{7BD912A0-81B9-ED81-340D-267C5B16A4AE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649" t="-31048" r="46397" b="-8922"/>
          <a:stretch/>
        </p:blipFill>
        <p:spPr>
          <a:xfrm>
            <a:off x="4327931" y="2837696"/>
            <a:ext cx="488138" cy="226645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C654D37A-A44F-D925-D0EA-70B0B9323D0D}"/>
              </a:ext>
            </a:extLst>
          </p:cNvPr>
          <p:cNvSpPr txBox="1"/>
          <p:nvPr/>
        </p:nvSpPr>
        <p:spPr>
          <a:xfrm>
            <a:off x="985390" y="1589404"/>
            <a:ext cx="1658211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Binary / JSON format</a:t>
            </a:r>
            <a:endParaRPr lang="en-NL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89F95E51-6010-5B11-8974-CBE6FBFB93F4}"/>
              </a:ext>
            </a:extLst>
          </p:cNvPr>
          <p:cNvCxnSpPr>
            <a:cxnSpLocks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solidFill>
              <a:schemeClr val="accent1"/>
            </a:solidFill>
            <a:prstDash val="sysDot"/>
            <a:tailEnd type="non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40824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D5238F10-BEE8-2330-574B-653AD08B465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F4B6D2C4-914B-3E7A-B9CE-E52BC0BBB3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tics (</a:t>
            </a:r>
            <a:r>
              <a:rPr lang="en-GB" dirty="0" err="1"/>
              <a:t>eo</a:t>
            </a:r>
            <a:r>
              <a:rPr lang="en-GB" dirty="0"/>
              <a:t>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53CB0AA-2FB3-5948-4890-6E2032B0E82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2AD824D0-C105-ED77-AFE7-AF806D804146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90A5D209-66E6-E4E2-06B5-EDE8767973F9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pic>
        <p:nvPicPr>
          <p:cNvPr id="8" name="Content Placeholder 10">
            <a:extLst>
              <a:ext uri="{FF2B5EF4-FFF2-40B4-BE49-F238E27FC236}">
                <a16:creationId xmlns:a16="http://schemas.microsoft.com/office/drawing/2014/main" id="{733685B7-3E7D-37C5-13AF-C12BAF66F85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2292F129-55F4-8BBE-9D20-84D6B0F01B00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8FF259AB-7666-CDAF-FF35-9C1CF82D60F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F7A4C5FF-C89F-AD41-2EAD-C63303B919B0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35793D5F-C8F6-06C8-3DD4-32A1A3133231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1F31BA48-A767-2715-9BBE-93E3FF590DD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4" name="Picture 13">
            <a:extLst>
              <a:ext uri="{FF2B5EF4-FFF2-40B4-BE49-F238E27FC236}">
                <a16:creationId xmlns:a16="http://schemas.microsoft.com/office/drawing/2014/main" id="{BD8610C1-C455-16BC-1344-967793D3A6F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C825FE25-FEA6-3FD7-AC68-44B3EDCD754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8CC5B7AA-C316-E716-6C51-97DA65620F56}"/>
              </a:ext>
            </a:extLst>
          </p:cNvPr>
          <p:cNvSpPr/>
          <p:nvPr/>
        </p:nvSpPr>
        <p:spPr>
          <a:xfrm>
            <a:off x="2717622" y="2819934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Address 1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754FB8D7-F60A-0E18-FCBA-919D84A58C84}"/>
              </a:ext>
            </a:extLst>
          </p:cNvPr>
          <p:cNvCxnSpPr>
            <a:cxnSpLocks/>
            <a:endCxn id="16" idx="1"/>
          </p:cNvCxnSpPr>
          <p:nvPr/>
        </p:nvCxnSpPr>
        <p:spPr>
          <a:xfrm>
            <a:off x="1809617" y="2078182"/>
            <a:ext cx="908005" cy="872837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2A5AF917-9D59-A41B-1589-21FE3FC872F8}"/>
              </a:ext>
            </a:extLst>
          </p:cNvPr>
          <p:cNvCxnSpPr>
            <a:cxnSpLocks/>
            <a:stCxn id="16" idx="3"/>
            <a:endCxn id="29" idx="1"/>
          </p:cNvCxnSpPr>
          <p:nvPr/>
        </p:nvCxnSpPr>
        <p:spPr>
          <a:xfrm flipV="1">
            <a:off x="3478557" y="2933257"/>
            <a:ext cx="1003574" cy="17762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B9A2F013-9CB6-2BFA-E128-98B99390D447}"/>
              </a:ext>
            </a:extLst>
          </p:cNvPr>
          <p:cNvCxnSpPr>
            <a:cxnSpLocks/>
            <a:stCxn id="29" idx="3"/>
            <a:endCxn id="2" idx="2"/>
          </p:cNvCxnSpPr>
          <p:nvPr/>
        </p:nvCxnSpPr>
        <p:spPr>
          <a:xfrm flipV="1">
            <a:off x="4970269" y="2078182"/>
            <a:ext cx="1293053" cy="85507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6B06681F-3D76-0F1A-6D74-02E169D02BEB}"/>
              </a:ext>
            </a:extLst>
          </p:cNvPr>
          <p:cNvCxnSpPr>
            <a:cxnSpLocks/>
            <a:endCxn id="23" idx="0"/>
          </p:cNvCxnSpPr>
          <p:nvPr/>
        </p:nvCxnSpPr>
        <p:spPr>
          <a:xfrm>
            <a:off x="1264017" y="2104726"/>
            <a:ext cx="0" cy="1829099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B5D04D7E-D951-A919-5629-A5B5DE7B14F6}"/>
              </a:ext>
            </a:extLst>
          </p:cNvPr>
          <p:cNvCxnSpPr>
            <a:cxnSpLocks/>
            <a:stCxn id="24" idx="0"/>
          </p:cNvCxnSpPr>
          <p:nvPr/>
        </p:nvCxnSpPr>
        <p:spPr>
          <a:xfrm flipV="1">
            <a:off x="6731123" y="2104726"/>
            <a:ext cx="0" cy="1829099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FDDC4FFE-96D8-7FB8-3FFE-6BB87F018EF7}"/>
              </a:ext>
            </a:extLst>
          </p:cNvPr>
          <p:cNvSpPr/>
          <p:nvPr/>
        </p:nvSpPr>
        <p:spPr>
          <a:xfrm>
            <a:off x="883549" y="3933825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Person 1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FDD72A72-AC26-92E0-BB9F-815837AFB51A}"/>
              </a:ext>
            </a:extLst>
          </p:cNvPr>
          <p:cNvSpPr/>
          <p:nvPr/>
        </p:nvSpPr>
        <p:spPr>
          <a:xfrm>
            <a:off x="6350655" y="3933825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Person 2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95F00F5F-E6BC-E370-B5A5-055B7F89D599}"/>
              </a:ext>
            </a:extLst>
          </p:cNvPr>
          <p:cNvCxnSpPr>
            <a:cxnSpLocks/>
            <a:stCxn id="23" idx="3"/>
            <a:endCxn id="24" idx="1"/>
          </p:cNvCxnSpPr>
          <p:nvPr/>
        </p:nvCxnSpPr>
        <p:spPr>
          <a:xfrm>
            <a:off x="1644484" y="4064910"/>
            <a:ext cx="4706171" cy="0"/>
          </a:xfrm>
          <a:prstGeom prst="straightConnector1">
            <a:avLst/>
          </a:prstGeom>
          <a:ln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B4424F95-F72E-6E5C-748B-A9A46D490BFF}"/>
              </a:ext>
            </a:extLst>
          </p:cNvPr>
          <p:cNvSpPr txBox="1"/>
          <p:nvPr/>
        </p:nvSpPr>
        <p:spPr>
          <a:xfrm>
            <a:off x="866795" y="3659001"/>
            <a:ext cx="26481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S</a:t>
            </a:r>
            <a:endParaRPr lang="en-NL" dirty="0"/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30679881-AEC3-8FB0-E9A0-8B7A9899B934}"/>
              </a:ext>
            </a:extLst>
          </p:cNvPr>
          <p:cNvSpPr txBox="1"/>
          <p:nvPr/>
        </p:nvSpPr>
        <p:spPr>
          <a:xfrm>
            <a:off x="5824583" y="1608586"/>
            <a:ext cx="71846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T</a:t>
            </a:r>
            <a:endParaRPr lang="en-NL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B1549F31-C1F5-1173-AA26-4534DBA52ED2}"/>
              </a:ext>
            </a:extLst>
          </p:cNvPr>
          <p:cNvSpPr txBox="1"/>
          <p:nvPr/>
        </p:nvSpPr>
        <p:spPr>
          <a:xfrm>
            <a:off x="3029644" y="2541369"/>
            <a:ext cx="284052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A</a:t>
            </a:r>
            <a:endParaRPr lang="en-NL" dirty="0"/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3A87E234-420A-D57D-C363-40C055CF31F8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649" t="-31048" r="46397" b="-8922"/>
          <a:stretch/>
        </p:blipFill>
        <p:spPr>
          <a:xfrm>
            <a:off x="4482131" y="2819934"/>
            <a:ext cx="488138" cy="226645"/>
          </a:xfrm>
          <a:prstGeom prst="rect">
            <a:avLst/>
          </a:prstGeom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A5E349C6-8D65-B1ED-98DA-C23FEBA69101}"/>
              </a:ext>
            </a:extLst>
          </p:cNvPr>
          <p:cNvSpPr txBox="1"/>
          <p:nvPr/>
        </p:nvSpPr>
        <p:spPr>
          <a:xfrm>
            <a:off x="4374558" y="2541369"/>
            <a:ext cx="728084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B</a:t>
            </a:r>
            <a:endParaRPr lang="en-NL" dirty="0"/>
          </a:p>
        </p:txBody>
      </p: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35185A36-0DC8-E063-D332-1A94F5953348}"/>
              </a:ext>
            </a:extLst>
          </p:cNvPr>
          <p:cNvCxnSpPr/>
          <p:nvPr/>
        </p:nvCxnSpPr>
        <p:spPr>
          <a:xfrm flipH="1">
            <a:off x="1264017" y="3082104"/>
            <a:ext cx="1834073" cy="851721"/>
          </a:xfrm>
          <a:prstGeom prst="line">
            <a:avLst/>
          </a:prstGeom>
          <a:ln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TextBox 38">
            <a:extLst>
              <a:ext uri="{FF2B5EF4-FFF2-40B4-BE49-F238E27FC236}">
                <a16:creationId xmlns:a16="http://schemas.microsoft.com/office/drawing/2014/main" id="{BF903F43-E31F-7FED-9C89-253A4E4439D9}"/>
              </a:ext>
            </a:extLst>
          </p:cNvPr>
          <p:cNvSpPr txBox="1"/>
          <p:nvPr/>
        </p:nvSpPr>
        <p:spPr>
          <a:xfrm>
            <a:off x="883549" y="976669"/>
            <a:ext cx="4572000" cy="5078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clas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Json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ode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Forgetful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extend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Jso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Jso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</a:p>
        </p:txBody>
      </p: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5E363865-5346-7CA4-01BB-F653562C3243}"/>
              </a:ext>
            </a:extLst>
          </p:cNvPr>
          <p:cNvCxnSpPr>
            <a:cxnSpLocks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476188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E042F79F-D7D3-AE05-94C8-24860AD05F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58941490-EF70-1960-3F75-B1509DCF7A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istential Encoding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FC69D01-BAEE-A1F4-2C25-9AA293D8CDD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5</a:t>
            </a:fld>
            <a:endParaRPr lang="en-US" dirty="0"/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219DD811-EE73-6833-1A38-D0E5401F36C0}"/>
              </a:ext>
            </a:extLst>
          </p:cNvPr>
          <p:cNvGrpSpPr/>
          <p:nvPr/>
        </p:nvGrpSpPr>
        <p:grpSpPr>
          <a:xfrm>
            <a:off x="2452834" y="2179852"/>
            <a:ext cx="6244795" cy="2587409"/>
            <a:chOff x="866795" y="2272130"/>
            <a:chExt cx="6244795" cy="2587409"/>
          </a:xfrm>
        </p:grpSpPr>
        <p:sp>
          <p:nvSpPr>
            <p:cNvPr id="2" name="Rectangle 1">
              <a:extLst>
                <a:ext uri="{FF2B5EF4-FFF2-40B4-BE49-F238E27FC236}">
                  <a16:creationId xmlns:a16="http://schemas.microsoft.com/office/drawing/2014/main" id="{B183F412-CC3C-6CF6-9E2B-4A149B55A890}"/>
                </a:ext>
              </a:extLst>
            </p:cNvPr>
            <p:cNvSpPr/>
            <p:nvPr/>
          </p:nvSpPr>
          <p:spPr>
            <a:xfrm>
              <a:off x="6045912" y="2534074"/>
              <a:ext cx="434820" cy="207652"/>
            </a:xfrm>
            <a:prstGeom prst="rect">
              <a:avLst/>
            </a:prstGeom>
            <a:solidFill>
              <a:schemeClr val="accent3">
                <a:lumMod val="75000"/>
              </a:schemeClr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endParaRPr lang="en-NL" sz="1400" dirty="0" err="1">
                <a:solidFill>
                  <a:schemeClr val="bg1"/>
                </a:solidFill>
              </a:endParaRPr>
            </a:p>
          </p:txBody>
        </p:sp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94A76B75-1243-571A-BC4D-FB352A8E441B}"/>
                </a:ext>
              </a:extLst>
            </p:cNvPr>
            <p:cNvSpPr/>
            <p:nvPr/>
          </p:nvSpPr>
          <p:spPr>
            <a:xfrm>
              <a:off x="1566629" y="2534074"/>
              <a:ext cx="434820" cy="207652"/>
            </a:xfrm>
            <a:prstGeom prst="rect">
              <a:avLst/>
            </a:prstGeom>
            <a:solidFill>
              <a:schemeClr val="accent3">
                <a:lumMod val="75000"/>
              </a:schemeClr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endParaRPr lang="en-NL" sz="1400" dirty="0" err="1">
                <a:solidFill>
                  <a:schemeClr val="bg1"/>
                </a:solidFill>
              </a:endParaRPr>
            </a:p>
          </p:txBody>
        </p:sp>
        <p:pic>
          <p:nvPicPr>
            <p:cNvPr id="8" name="Content Placeholder 10">
              <a:extLst>
                <a:ext uri="{FF2B5EF4-FFF2-40B4-BE49-F238E27FC236}">
                  <a16:creationId xmlns:a16="http://schemas.microsoft.com/office/drawing/2014/main" id="{F09B3D95-C808-8C60-75E6-982D74F3BE7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645273" y="2553256"/>
              <a:ext cx="1085850" cy="161925"/>
            </a:xfrm>
            <a:prstGeom prst="rect">
              <a:avLst/>
            </a:prstGeom>
          </p:spPr>
        </p:pic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0E151604-91F4-055F-DA7C-0A2B4CE49FF1}"/>
                </a:ext>
              </a:extLst>
            </p:cNvPr>
            <p:cNvGrpSpPr/>
            <p:nvPr/>
          </p:nvGrpSpPr>
          <p:grpSpPr>
            <a:xfrm>
              <a:off x="1004520" y="2553256"/>
              <a:ext cx="1520670" cy="161926"/>
              <a:chOff x="3594255" y="2490786"/>
              <a:chExt cx="1520670" cy="161926"/>
            </a:xfrm>
          </p:grpSpPr>
          <p:pic>
            <p:nvPicPr>
              <p:cNvPr id="10" name="Picture 9">
                <a:extLst>
                  <a:ext uri="{FF2B5EF4-FFF2-40B4-BE49-F238E27FC236}">
                    <a16:creationId xmlns:a16="http://schemas.microsoft.com/office/drawing/2014/main" id="{00D7AF71-D826-2315-BC3A-D804FCD96F9D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1" name="Picture 10">
                <a:extLst>
                  <a:ext uri="{FF2B5EF4-FFF2-40B4-BE49-F238E27FC236}">
                    <a16:creationId xmlns:a16="http://schemas.microsoft.com/office/drawing/2014/main" id="{63425988-C140-0A69-6714-09CEC754CBD7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2" name="Picture 11">
                <a:extLst>
                  <a:ext uri="{FF2B5EF4-FFF2-40B4-BE49-F238E27FC236}">
                    <a16:creationId xmlns:a16="http://schemas.microsoft.com/office/drawing/2014/main" id="{3F73AAC8-7214-F507-5084-A379382C3D0E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A0F83990-AD08-D2AD-D752-4EA2CC1E60D6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3594255" y="2490786"/>
                <a:ext cx="1085850" cy="161925"/>
              </a:xfrm>
              <a:prstGeom prst="rect">
                <a:avLst/>
              </a:prstGeom>
            </p:spPr>
          </p:pic>
        </p:grpSp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D9060E42-987A-A5AE-C0CE-5E6089F59BEF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383491" y="2553256"/>
              <a:ext cx="1085850" cy="161925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8F18B8C5-C066-AACE-EFAD-F29862954BF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926416" y="2553256"/>
              <a:ext cx="1085850" cy="161925"/>
            </a:xfrm>
            <a:prstGeom prst="rect">
              <a:avLst/>
            </a:prstGeom>
          </p:spPr>
        </p:pic>
        <p:sp>
          <p:nvSpPr>
            <p:cNvPr id="16" name="Rectangle: Rounded Corners 15">
              <a:extLst>
                <a:ext uri="{FF2B5EF4-FFF2-40B4-BE49-F238E27FC236}">
                  <a16:creationId xmlns:a16="http://schemas.microsoft.com/office/drawing/2014/main" id="{E6A794EC-5D5E-2B8C-15C7-724D1B89C6BC}"/>
                </a:ext>
              </a:extLst>
            </p:cNvPr>
            <p:cNvSpPr/>
            <p:nvPr/>
          </p:nvSpPr>
          <p:spPr>
            <a:xfrm>
              <a:off x="2717622" y="3483478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050" dirty="0">
                  <a:solidFill>
                    <a:schemeClr val="bg1"/>
                  </a:solidFill>
                </a:rPr>
                <a:t>Address 1</a:t>
              </a:r>
              <a:endParaRPr lang="en-NL" sz="1050" dirty="0" err="1">
                <a:solidFill>
                  <a:schemeClr val="bg1"/>
                </a:solidFill>
              </a:endParaRPr>
            </a:p>
          </p:txBody>
        </p:sp>
        <p:cxnSp>
          <p:nvCxnSpPr>
            <p:cNvPr id="17" name="Straight Arrow Connector 16">
              <a:extLst>
                <a:ext uri="{FF2B5EF4-FFF2-40B4-BE49-F238E27FC236}">
                  <a16:creationId xmlns:a16="http://schemas.microsoft.com/office/drawing/2014/main" id="{B75A646F-1471-593D-3987-87CF515C0262}"/>
                </a:ext>
              </a:extLst>
            </p:cNvPr>
            <p:cNvCxnSpPr>
              <a:cxnSpLocks/>
              <a:endCxn id="16" idx="1"/>
            </p:cNvCxnSpPr>
            <p:nvPr/>
          </p:nvCxnSpPr>
          <p:spPr>
            <a:xfrm>
              <a:off x="1809617" y="2741726"/>
              <a:ext cx="908005" cy="872837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8F8B2F82-81DC-643A-E644-91B6A43D0031}"/>
                </a:ext>
              </a:extLst>
            </p:cNvPr>
            <p:cNvCxnSpPr>
              <a:cxnSpLocks/>
              <a:stCxn id="16" idx="3"/>
              <a:endCxn id="29" idx="1"/>
            </p:cNvCxnSpPr>
            <p:nvPr/>
          </p:nvCxnSpPr>
          <p:spPr>
            <a:xfrm flipV="1">
              <a:off x="3478557" y="3596801"/>
              <a:ext cx="1003574" cy="17762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813325A3-3D4F-2474-7126-ED5E4FDCD141}"/>
                </a:ext>
              </a:extLst>
            </p:cNvPr>
            <p:cNvCxnSpPr>
              <a:cxnSpLocks/>
              <a:stCxn id="29" idx="3"/>
              <a:endCxn id="2" idx="2"/>
            </p:cNvCxnSpPr>
            <p:nvPr/>
          </p:nvCxnSpPr>
          <p:spPr>
            <a:xfrm flipV="1">
              <a:off x="4970269" y="2741726"/>
              <a:ext cx="1293053" cy="85507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Arrow Connector 20">
              <a:extLst>
                <a:ext uri="{FF2B5EF4-FFF2-40B4-BE49-F238E27FC236}">
                  <a16:creationId xmlns:a16="http://schemas.microsoft.com/office/drawing/2014/main" id="{7ED93FA7-440C-012C-2699-86372CA53FC2}"/>
                </a:ext>
              </a:extLst>
            </p:cNvPr>
            <p:cNvCxnSpPr>
              <a:cxnSpLocks/>
              <a:endCxn id="23" idx="0"/>
            </p:cNvCxnSpPr>
            <p:nvPr/>
          </p:nvCxnSpPr>
          <p:spPr>
            <a:xfrm>
              <a:off x="1264017" y="2768270"/>
              <a:ext cx="0" cy="1829099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22" name="Straight Arrow Connector 21">
              <a:extLst>
                <a:ext uri="{FF2B5EF4-FFF2-40B4-BE49-F238E27FC236}">
                  <a16:creationId xmlns:a16="http://schemas.microsoft.com/office/drawing/2014/main" id="{A7B5220B-7676-6425-10FD-B89330A7E20E}"/>
                </a:ext>
              </a:extLst>
            </p:cNvPr>
            <p:cNvCxnSpPr>
              <a:cxnSpLocks/>
              <a:stCxn id="24" idx="0"/>
            </p:cNvCxnSpPr>
            <p:nvPr/>
          </p:nvCxnSpPr>
          <p:spPr>
            <a:xfrm flipV="1">
              <a:off x="6731123" y="2768270"/>
              <a:ext cx="0" cy="1829099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79CFDEE2-5D63-8FDC-37E0-61F42038B10D}"/>
                </a:ext>
              </a:extLst>
            </p:cNvPr>
            <p:cNvSpPr/>
            <p:nvPr/>
          </p:nvSpPr>
          <p:spPr>
            <a:xfrm>
              <a:off x="883549" y="4597369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050" dirty="0">
                  <a:solidFill>
                    <a:schemeClr val="bg1"/>
                  </a:solidFill>
                </a:rPr>
                <a:t>Person 1</a:t>
              </a:r>
              <a:endParaRPr lang="en-NL" sz="1050" dirty="0" err="1">
                <a:solidFill>
                  <a:schemeClr val="bg1"/>
                </a:solidFill>
              </a:endParaRPr>
            </a:p>
          </p:txBody>
        </p:sp>
        <p:sp>
          <p:nvSpPr>
            <p:cNvPr id="24" name="Rectangle: Rounded Corners 23">
              <a:extLst>
                <a:ext uri="{FF2B5EF4-FFF2-40B4-BE49-F238E27FC236}">
                  <a16:creationId xmlns:a16="http://schemas.microsoft.com/office/drawing/2014/main" id="{7D52864F-EC41-6F2B-B3C6-1616F5C879DC}"/>
                </a:ext>
              </a:extLst>
            </p:cNvPr>
            <p:cNvSpPr/>
            <p:nvPr/>
          </p:nvSpPr>
          <p:spPr>
            <a:xfrm>
              <a:off x="6350655" y="4597369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050" dirty="0">
                  <a:solidFill>
                    <a:schemeClr val="bg1"/>
                  </a:solidFill>
                </a:rPr>
                <a:t>Person 2</a:t>
              </a:r>
              <a:endParaRPr lang="en-NL" sz="1050" dirty="0" err="1">
                <a:solidFill>
                  <a:schemeClr val="bg1"/>
                </a:solidFill>
              </a:endParaRPr>
            </a:p>
          </p:txBody>
        </p: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D7A029AE-BB16-B591-2FAE-6D6DDDFEB16C}"/>
                </a:ext>
              </a:extLst>
            </p:cNvPr>
            <p:cNvCxnSpPr>
              <a:cxnSpLocks/>
              <a:stCxn id="23" idx="3"/>
              <a:endCxn id="24" idx="1"/>
            </p:cNvCxnSpPr>
            <p:nvPr/>
          </p:nvCxnSpPr>
          <p:spPr>
            <a:xfrm>
              <a:off x="1644484" y="4728454"/>
              <a:ext cx="4706171" cy="0"/>
            </a:xfrm>
            <a:prstGeom prst="straightConnector1">
              <a:avLst/>
            </a:prstGeom>
            <a:ln>
              <a:solidFill>
                <a:schemeClr val="accent3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725D2494-73E9-235C-10C1-4F926DB712F1}"/>
                </a:ext>
              </a:extLst>
            </p:cNvPr>
            <p:cNvSpPr txBox="1"/>
            <p:nvPr/>
          </p:nvSpPr>
          <p:spPr>
            <a:xfrm>
              <a:off x="866795" y="4322545"/>
              <a:ext cx="264816" cy="30008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S</a:t>
              </a:r>
              <a:endParaRPr lang="en-NL" dirty="0"/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83CADFEF-8D84-48A4-E9DF-136659680170}"/>
                </a:ext>
              </a:extLst>
            </p:cNvPr>
            <p:cNvSpPr txBox="1"/>
            <p:nvPr/>
          </p:nvSpPr>
          <p:spPr>
            <a:xfrm>
              <a:off x="5824583" y="2272130"/>
              <a:ext cx="718466" cy="30008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Json / T</a:t>
              </a:r>
              <a:endParaRPr lang="en-NL" dirty="0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D46A8B98-EB7B-A99A-E669-ADB53E53602F}"/>
                </a:ext>
              </a:extLst>
            </p:cNvPr>
            <p:cNvSpPr txBox="1"/>
            <p:nvPr/>
          </p:nvSpPr>
          <p:spPr>
            <a:xfrm>
              <a:off x="3029644" y="3204913"/>
              <a:ext cx="284052" cy="30008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A</a:t>
              </a:r>
              <a:endParaRPr lang="en-NL" dirty="0"/>
            </a:p>
          </p:txBody>
        </p:sp>
        <p:pic>
          <p:nvPicPr>
            <p:cNvPr id="29" name="Picture 28">
              <a:extLst>
                <a:ext uri="{FF2B5EF4-FFF2-40B4-BE49-F238E27FC236}">
                  <a16:creationId xmlns:a16="http://schemas.microsoft.com/office/drawing/2014/main" id="{D88388D4-9DD2-8EDB-5852-D6D37A83826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rcRect l="8649" t="-31048" r="46397" b="-8922"/>
            <a:stretch/>
          </p:blipFill>
          <p:spPr>
            <a:xfrm>
              <a:off x="4482131" y="3483478"/>
              <a:ext cx="488138" cy="226645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FB1BB416-A695-3B5E-70FC-8ACF5FB0CF7C}"/>
                </a:ext>
              </a:extLst>
            </p:cNvPr>
            <p:cNvSpPr txBox="1"/>
            <p:nvPr/>
          </p:nvSpPr>
          <p:spPr>
            <a:xfrm>
              <a:off x="4374558" y="3204913"/>
              <a:ext cx="728084" cy="30008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Json / B</a:t>
              </a:r>
              <a:endParaRPr lang="en-NL" dirty="0"/>
            </a:p>
          </p:txBody>
        </p: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55B2EDD1-0DF0-1450-8B61-FC13F16A4E0C}"/>
                </a:ext>
              </a:extLst>
            </p:cNvPr>
            <p:cNvCxnSpPr/>
            <p:nvPr/>
          </p:nvCxnSpPr>
          <p:spPr>
            <a:xfrm flipH="1">
              <a:off x="1264017" y="3745648"/>
              <a:ext cx="1834073" cy="851721"/>
            </a:xfrm>
            <a:prstGeom prst="line">
              <a:avLst/>
            </a:prstGeom>
            <a:ln>
              <a:prstDash val="sysDot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Arrow Connector 39">
              <a:extLst>
                <a:ext uri="{FF2B5EF4-FFF2-40B4-BE49-F238E27FC236}">
                  <a16:creationId xmlns:a16="http://schemas.microsoft.com/office/drawing/2014/main" id="{891753F4-7999-AAC4-C974-A07A96CDD183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525190" y="2634219"/>
              <a:ext cx="2858301" cy="1"/>
            </a:xfrm>
            <a:prstGeom prst="straightConnector1">
              <a:avLst/>
            </a:prstGeom>
            <a:ln>
              <a:prstDash val="soli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535E117E-9081-645D-6120-684691883BB0}"/>
              </a:ext>
            </a:extLst>
          </p:cNvPr>
          <p:cNvSpPr txBox="1"/>
          <p:nvPr/>
        </p:nvSpPr>
        <p:spPr>
          <a:xfrm>
            <a:off x="866668" y="886092"/>
            <a:ext cx="4572000" cy="133882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rai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self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ype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b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</a:b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268BD2"/>
                </a:solidFill>
                <a:effectLst/>
                <a:latin typeface="JetBrainsMono Nerd Font Mono"/>
              </a:rPr>
              <a:t>to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268BD2"/>
                </a:solidFill>
                <a:effectLst/>
                <a:latin typeface="JetBrainsMono Nerd Font Mono"/>
              </a:rPr>
              <a:t>from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1087515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200">
        <p:fade/>
      </p:transition>
    </mc:Choice>
    <mc:Fallback>
      <p:transition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85A1DC57-6669-8E51-4253-A92C413BD42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B0540C33-08D3-C7F1-9722-56222C4365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ef place(b: B): T =&gt; 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CED7E0B-3B08-8BF6-FF3D-53997D27C28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994EC732-9371-EF21-58E5-321913836610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3000DB8-25D1-1FB3-A49E-E785993F2B63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pic>
        <p:nvPicPr>
          <p:cNvPr id="8" name="Content Placeholder 10">
            <a:extLst>
              <a:ext uri="{FF2B5EF4-FFF2-40B4-BE49-F238E27FC236}">
                <a16:creationId xmlns:a16="http://schemas.microsoft.com/office/drawing/2014/main" id="{597E105F-2112-0571-A651-0819EF80460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33CD2244-F207-8C11-641F-5C8656F2FE92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EF3BC83E-CFAD-A83C-9DF9-549DD3E25FBE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97A585EF-2516-599D-223D-E0228466AC6D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807FAC2C-391C-D2CE-9872-54CDA1ABA07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F7B97585-0FDA-62E5-F14E-B1F44C76C8D8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4" name="Picture 13">
            <a:extLst>
              <a:ext uri="{FF2B5EF4-FFF2-40B4-BE49-F238E27FC236}">
                <a16:creationId xmlns:a16="http://schemas.microsoft.com/office/drawing/2014/main" id="{1122F93F-FDEA-09ED-E626-D53B8B1C0F3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A137C71A-E427-0353-307D-E1A99B564FD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FEB5C001-3670-6366-84C8-C6C7D88CE04B}"/>
              </a:ext>
            </a:extLst>
          </p:cNvPr>
          <p:cNvCxnSpPr>
            <a:cxnSpLocks/>
            <a:stCxn id="29" idx="3"/>
            <a:endCxn id="2" idx="2"/>
          </p:cNvCxnSpPr>
          <p:nvPr/>
        </p:nvCxnSpPr>
        <p:spPr>
          <a:xfrm flipV="1">
            <a:off x="4982669" y="2078182"/>
            <a:ext cx="1280653" cy="8479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C874B527-2E31-53DB-0D1B-07823EE29A6B}"/>
              </a:ext>
            </a:extLst>
          </p:cNvPr>
          <p:cNvSpPr txBox="1"/>
          <p:nvPr/>
        </p:nvSpPr>
        <p:spPr>
          <a:xfrm>
            <a:off x="5824583" y="1608586"/>
            <a:ext cx="71846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T</a:t>
            </a:r>
            <a:endParaRPr lang="en-NL" dirty="0"/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F28320E3-98CE-9BBF-48E4-D18962AC0A74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649" t="-31048" r="46397" b="-8922"/>
          <a:stretch/>
        </p:blipFill>
        <p:spPr>
          <a:xfrm>
            <a:off x="4494531" y="2812759"/>
            <a:ext cx="488138" cy="226645"/>
          </a:xfrm>
          <a:prstGeom prst="rect">
            <a:avLst/>
          </a:prstGeom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D9EA9912-7AA4-0CEA-B4B3-7697FC2DEEEA}"/>
              </a:ext>
            </a:extLst>
          </p:cNvPr>
          <p:cNvSpPr txBox="1"/>
          <p:nvPr/>
        </p:nvSpPr>
        <p:spPr>
          <a:xfrm>
            <a:off x="4374558" y="2541369"/>
            <a:ext cx="728084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B</a:t>
            </a:r>
            <a:endParaRPr lang="en-NL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861181A9-2FBF-B465-CB39-1FBBAF0DE5E7}"/>
              </a:ext>
            </a:extLst>
          </p:cNvPr>
          <p:cNvSpPr txBox="1"/>
          <p:nvPr/>
        </p:nvSpPr>
        <p:spPr>
          <a:xfrm>
            <a:off x="883549" y="976669"/>
            <a:ext cx="6693822" cy="71558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extensio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(o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(</a:t>
            </a:r>
          </a:p>
          <a:p>
            <a:r>
              <a:rPr lang="en-US" dirty="0">
                <a:solidFill>
                  <a:srgbClr val="839496"/>
                </a:solidFill>
                <a:latin typeface="JetBrainsMono Nerd Font Mono"/>
              </a:rPr>
              <a:t> 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using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Forgetful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o.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dirty="0">
                <a:solidFill>
                  <a:srgbClr val="CB4B16"/>
                </a:solidFill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</a:t>
            </a:r>
          </a:p>
        </p:txBody>
      </p:sp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5D072412-982C-8911-FC86-1D1A263747A1}"/>
              </a:ext>
            </a:extLst>
          </p:cNvPr>
          <p:cNvCxnSpPr>
            <a:cxnSpLocks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3D1E46AC-28D4-3F10-426B-163726230556}"/>
              </a:ext>
            </a:extLst>
          </p:cNvPr>
          <p:cNvSpPr txBox="1"/>
          <p:nvPr/>
        </p:nvSpPr>
        <p:spPr>
          <a:xfrm>
            <a:off x="883549" y="3464003"/>
            <a:ext cx="5323893" cy="7155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b="0" dirty="0" err="1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268BD2"/>
                </a:solidFill>
                <a:effectLst/>
                <a:latin typeface="JetBrainsMono Nerd Font Mono"/>
              </a:rPr>
              <a:t>place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b: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)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fr-FR" dirty="0">
                <a:solidFill>
                  <a:srgbClr val="839496"/>
                </a:solidFill>
                <a:latin typeface="JetBrainsMono Nerd Font Mono"/>
              </a:rPr>
              <a:t> </a:t>
            </a:r>
          </a:p>
          <a:p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 t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o.from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.as(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t))(b))</a:t>
            </a:r>
          </a:p>
          <a:p>
            <a:endParaRPr lang="en-NL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BC0B9AE-7EF0-F55E-13D2-8C96DC8ADD47}"/>
              </a:ext>
            </a:extLst>
          </p:cNvPr>
          <p:cNvSpPr txBox="1"/>
          <p:nvPr/>
        </p:nvSpPr>
        <p:spPr>
          <a:xfrm>
            <a:off x="5926416" y="625642"/>
            <a:ext cx="1938799" cy="300082"/>
          </a:xfrm>
          <a:prstGeom prst="rect">
            <a:avLst/>
          </a:prstGeom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wrap="square" rtlCol="0">
            <a:spAutoFit/>
          </a:bodyPr>
          <a:lstStyle/>
          <a:p>
            <a:r>
              <a:rPr lang="en-US" dirty="0"/>
              <a:t>Optics compose!!!</a:t>
            </a:r>
            <a:endParaRPr lang="en-NL" dirty="0"/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E9940BFF-8396-F1D7-2E80-58B18B9C7550}"/>
              </a:ext>
            </a:extLst>
          </p:cNvPr>
          <p:cNvSpPr txBox="1"/>
          <p:nvPr/>
        </p:nvSpPr>
        <p:spPr>
          <a:xfrm>
            <a:off x="5995164" y="968372"/>
            <a:ext cx="289412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Leverage compiler’s implicit resolution</a:t>
            </a:r>
            <a:endParaRPr lang="en-NL" dirty="0"/>
          </a:p>
        </p:txBody>
      </p: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BF7FC6F9-1F1B-C1B0-57BF-5E96A4B3FF68}"/>
              </a:ext>
            </a:extLst>
          </p:cNvPr>
          <p:cNvCxnSpPr/>
          <p:nvPr/>
        </p:nvCxnSpPr>
        <p:spPr>
          <a:xfrm flipH="1">
            <a:off x="4374558" y="1146321"/>
            <a:ext cx="1551858" cy="196827"/>
          </a:xfrm>
          <a:prstGeom prst="straightConnector1">
            <a:avLst/>
          </a:prstGeom>
          <a:ln>
            <a:solidFill>
              <a:schemeClr val="bg1">
                <a:lumMod val="65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137931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29F563F8-7030-0395-4FD5-B6DE7C44948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23CE4E12-BD85-E6F7-988B-0C28B2B501C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ef transform(f: A =&gt; B): T =&gt; 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3CB253-1B9B-CF0B-7820-7E0B2954BBF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842D335B-1A14-B870-5980-113B854D2AD7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EE4B5BB1-A212-1CF2-1C84-9981C2A5E1D6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pic>
        <p:nvPicPr>
          <p:cNvPr id="8" name="Content Placeholder 10">
            <a:extLst>
              <a:ext uri="{FF2B5EF4-FFF2-40B4-BE49-F238E27FC236}">
                <a16:creationId xmlns:a16="http://schemas.microsoft.com/office/drawing/2014/main" id="{B2225FAE-1777-5CBA-EAA0-31EACFFE9B0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79978407-13F0-2F24-F76A-02EB1F20FDF8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FE4EAA23-12C7-4268-F616-E627071CD427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F60778DA-CBD7-7E84-AEFA-96020531D590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9E11F6AC-00B8-EAB4-C8D7-DC37D362585B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5392D741-FEFE-2D50-7725-C22701FE840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4" name="Picture 13">
            <a:extLst>
              <a:ext uri="{FF2B5EF4-FFF2-40B4-BE49-F238E27FC236}">
                <a16:creationId xmlns:a16="http://schemas.microsoft.com/office/drawing/2014/main" id="{F5A146F5-8766-5949-39B3-CCA5C011DDF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2E833CE9-BA5A-464B-9028-84E7602DF59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3D03A467-418D-178B-33C5-7498B562DB64}"/>
              </a:ext>
            </a:extLst>
          </p:cNvPr>
          <p:cNvSpPr/>
          <p:nvPr/>
        </p:nvSpPr>
        <p:spPr>
          <a:xfrm>
            <a:off x="2717622" y="2819934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Address 1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A894142F-F2E5-5AE8-14BD-56BB67A42B1B}"/>
              </a:ext>
            </a:extLst>
          </p:cNvPr>
          <p:cNvCxnSpPr>
            <a:cxnSpLocks/>
            <a:endCxn id="16" idx="1"/>
          </p:cNvCxnSpPr>
          <p:nvPr/>
        </p:nvCxnSpPr>
        <p:spPr>
          <a:xfrm>
            <a:off x="1809617" y="2078182"/>
            <a:ext cx="908005" cy="872837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0599186F-EFE9-DE8D-3CFD-E5A10966425F}"/>
              </a:ext>
            </a:extLst>
          </p:cNvPr>
          <p:cNvCxnSpPr>
            <a:cxnSpLocks/>
            <a:stCxn id="16" idx="3"/>
          </p:cNvCxnSpPr>
          <p:nvPr/>
        </p:nvCxnSpPr>
        <p:spPr>
          <a:xfrm>
            <a:off x="3478557" y="2951019"/>
            <a:ext cx="657558" cy="0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0320438C-42C6-6B14-863F-0961F78014A3}"/>
              </a:ext>
            </a:extLst>
          </p:cNvPr>
          <p:cNvCxnSpPr>
            <a:cxnSpLocks/>
            <a:endCxn id="2" idx="2"/>
          </p:cNvCxnSpPr>
          <p:nvPr/>
        </p:nvCxnSpPr>
        <p:spPr>
          <a:xfrm flipV="1">
            <a:off x="4897050" y="2078182"/>
            <a:ext cx="1366272" cy="87283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E5EC6E9F-898F-4FBC-72DD-63260EC61748}"/>
              </a:ext>
            </a:extLst>
          </p:cNvPr>
          <p:cNvSpPr txBox="1"/>
          <p:nvPr/>
        </p:nvSpPr>
        <p:spPr>
          <a:xfrm>
            <a:off x="5824583" y="1608586"/>
            <a:ext cx="71846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T</a:t>
            </a:r>
            <a:endParaRPr lang="en-NL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ECCDB062-DFDF-92A4-08AC-113E0D7AC46C}"/>
              </a:ext>
            </a:extLst>
          </p:cNvPr>
          <p:cNvSpPr txBox="1"/>
          <p:nvPr/>
        </p:nvSpPr>
        <p:spPr>
          <a:xfrm>
            <a:off x="3029644" y="2541369"/>
            <a:ext cx="284052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A</a:t>
            </a:r>
            <a:endParaRPr lang="en-NL" dirty="0"/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6C4504EE-B6D2-6D8D-96AD-AB551106A5CA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649" t="-31048" r="46397" b="-8922"/>
          <a:stretch/>
        </p:blipFill>
        <p:spPr>
          <a:xfrm>
            <a:off x="4287923" y="2819934"/>
            <a:ext cx="488138" cy="226645"/>
          </a:xfrm>
          <a:prstGeom prst="rect">
            <a:avLst/>
          </a:prstGeom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69A905D2-CECC-DC91-A53E-F15F710B234E}"/>
              </a:ext>
            </a:extLst>
          </p:cNvPr>
          <p:cNvSpPr txBox="1"/>
          <p:nvPr/>
        </p:nvSpPr>
        <p:spPr>
          <a:xfrm>
            <a:off x="4374558" y="2541369"/>
            <a:ext cx="728084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B</a:t>
            </a:r>
            <a:endParaRPr lang="en-NL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3FE39EB9-8A85-A380-AAF9-B81FB89D1E11}"/>
              </a:ext>
            </a:extLst>
          </p:cNvPr>
          <p:cNvSpPr txBox="1"/>
          <p:nvPr/>
        </p:nvSpPr>
        <p:spPr>
          <a:xfrm>
            <a:off x="883549" y="976669"/>
            <a:ext cx="6693822" cy="71558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extensio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(o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(</a:t>
            </a:r>
          </a:p>
          <a:p>
            <a:r>
              <a:rPr lang="en-US" dirty="0">
                <a:solidFill>
                  <a:srgbClr val="839496"/>
                </a:solidFill>
                <a:latin typeface="JetBrainsMono Nerd Font Mono"/>
              </a:rPr>
              <a:t> 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using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Forgetful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o.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dirty="0">
                <a:solidFill>
                  <a:srgbClr val="CB4B16"/>
                </a:solidFill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</a:t>
            </a:r>
          </a:p>
        </p:txBody>
      </p:sp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156277FB-38D8-2C9B-BD65-0ADC24138884}"/>
              </a:ext>
            </a:extLst>
          </p:cNvPr>
          <p:cNvCxnSpPr>
            <a:cxnSpLocks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819EC1D1-7734-B30C-72F3-35696CE5EC5B}"/>
              </a:ext>
            </a:extLst>
          </p:cNvPr>
          <p:cNvSpPr txBox="1"/>
          <p:nvPr/>
        </p:nvSpPr>
        <p:spPr>
          <a:xfrm>
            <a:off x="883549" y="3464003"/>
            <a:ext cx="5323893" cy="7155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b="0" dirty="0" err="1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 err="1">
                <a:solidFill>
                  <a:srgbClr val="268BD2"/>
                </a:solidFill>
                <a:effectLst/>
                <a:latin typeface="JetBrainsMono Nerd Font Mono"/>
              </a:rPr>
              <a:t>transform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dirty="0">
                <a:solidFill>
                  <a:srgbClr val="839496"/>
                </a:solidFill>
                <a:latin typeface="JetBrainsMono Nerd Font Mono"/>
              </a:rPr>
              <a:t>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fr-FR" dirty="0">
                <a:solidFill>
                  <a:srgbClr val="CB4B16"/>
                </a:solidFill>
                <a:latin typeface="JetBrainsMono Nerd Font Mono"/>
              </a:rPr>
              <a:t>A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dirty="0">
                <a:solidFill>
                  <a:srgbClr val="859900"/>
                </a:solidFill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)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fr-FR" dirty="0">
                <a:solidFill>
                  <a:srgbClr val="839496"/>
                </a:solidFill>
                <a:latin typeface="JetBrainsMono Nerd Font Mono"/>
              </a:rPr>
              <a:t> </a:t>
            </a:r>
          </a:p>
          <a:p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 t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o.from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b="0" dirty="0" err="1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.</a:t>
            </a:r>
            <a:r>
              <a:rPr lang="fr-FR" dirty="0" err="1">
                <a:solidFill>
                  <a:srgbClr val="839496"/>
                </a:solidFill>
                <a:latin typeface="JetBrainsMono Nerd Font Mono"/>
              </a:rPr>
              <a:t>map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t))(f))</a:t>
            </a:r>
          </a:p>
          <a:p>
            <a:endParaRPr lang="en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786472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C482F352-D758-3EC4-611C-934D94DBC5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F40ED1B1-F371-7A95-6FD5-811E012584E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ef transform(f: D =&gt; B): T =&gt; 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0A4A504-4E59-21BB-0A72-7B744F48E0D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B63FD33A-9188-2735-FB6C-49BFC78919CE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603A4D64-5E45-C6AE-AD37-D4C4231B3169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pic>
        <p:nvPicPr>
          <p:cNvPr id="8" name="Content Placeholder 10">
            <a:extLst>
              <a:ext uri="{FF2B5EF4-FFF2-40B4-BE49-F238E27FC236}">
                <a16:creationId xmlns:a16="http://schemas.microsoft.com/office/drawing/2014/main" id="{D5742E1E-4CC3-4272-928A-E0FE0DAA9EE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B4873F12-9F35-7B18-EB44-B4114645C792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834E5707-8638-9582-024B-1070DECE8A9A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CDF1F593-34E4-0564-0BBA-DB9052CF665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C0E616AE-CFDF-E2A7-4C35-57A5D3B4AB81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C2EE51BD-EE2A-5C97-864B-7B21EA76F9EF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4" name="Picture 13">
            <a:extLst>
              <a:ext uri="{FF2B5EF4-FFF2-40B4-BE49-F238E27FC236}">
                <a16:creationId xmlns:a16="http://schemas.microsoft.com/office/drawing/2014/main" id="{820AA965-B660-6E7D-2609-36A12E92461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E9D96BEE-7D1C-DCC6-292D-B47B1828061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4F7252BD-1214-68CD-7909-21DF9E975FBC}"/>
              </a:ext>
            </a:extLst>
          </p:cNvPr>
          <p:cNvSpPr/>
          <p:nvPr/>
        </p:nvSpPr>
        <p:spPr>
          <a:xfrm>
            <a:off x="2717622" y="2819934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 err="1">
                <a:solidFill>
                  <a:schemeClr val="bg1"/>
                </a:solidFill>
              </a:rPr>
              <a:t>MyAddr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3E64F537-E950-8939-F04D-5FF346038222}"/>
              </a:ext>
            </a:extLst>
          </p:cNvPr>
          <p:cNvCxnSpPr>
            <a:cxnSpLocks/>
            <a:stCxn id="16" idx="3"/>
          </p:cNvCxnSpPr>
          <p:nvPr/>
        </p:nvCxnSpPr>
        <p:spPr>
          <a:xfrm>
            <a:off x="3478557" y="2951019"/>
            <a:ext cx="657558" cy="0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86BDD335-47A7-F792-6F69-522B58F5FACC}"/>
              </a:ext>
            </a:extLst>
          </p:cNvPr>
          <p:cNvCxnSpPr>
            <a:cxnSpLocks/>
            <a:endCxn id="2" idx="2"/>
          </p:cNvCxnSpPr>
          <p:nvPr/>
        </p:nvCxnSpPr>
        <p:spPr>
          <a:xfrm flipV="1">
            <a:off x="4897050" y="2078182"/>
            <a:ext cx="1366272" cy="87283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CCF83E30-4FE4-24AA-5C6B-AF05091C58B2}"/>
              </a:ext>
            </a:extLst>
          </p:cNvPr>
          <p:cNvSpPr txBox="1"/>
          <p:nvPr/>
        </p:nvSpPr>
        <p:spPr>
          <a:xfrm>
            <a:off x="5824583" y="1608586"/>
            <a:ext cx="71846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T</a:t>
            </a:r>
            <a:endParaRPr lang="en-NL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5728752F-8210-A68B-E1CC-D02A043CFD16}"/>
              </a:ext>
            </a:extLst>
          </p:cNvPr>
          <p:cNvSpPr txBox="1"/>
          <p:nvPr/>
        </p:nvSpPr>
        <p:spPr>
          <a:xfrm>
            <a:off x="3029644" y="2541369"/>
            <a:ext cx="290464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D</a:t>
            </a:r>
            <a:endParaRPr lang="en-NL" dirty="0"/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CF35D03D-8CA6-D65C-0A55-4C6270F9EE18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649" t="-31048" r="46397" b="-8922"/>
          <a:stretch/>
        </p:blipFill>
        <p:spPr>
          <a:xfrm>
            <a:off x="4287923" y="2819934"/>
            <a:ext cx="488138" cy="226645"/>
          </a:xfrm>
          <a:prstGeom prst="rect">
            <a:avLst/>
          </a:prstGeom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C535B048-E39A-A60D-16A3-598D671CE3E8}"/>
              </a:ext>
            </a:extLst>
          </p:cNvPr>
          <p:cNvSpPr txBox="1"/>
          <p:nvPr/>
        </p:nvSpPr>
        <p:spPr>
          <a:xfrm>
            <a:off x="4374558" y="2541369"/>
            <a:ext cx="728084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B</a:t>
            </a:r>
            <a:endParaRPr lang="en-NL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F42461EE-3B9A-0078-E284-F8EB621B9BB9}"/>
              </a:ext>
            </a:extLst>
          </p:cNvPr>
          <p:cNvSpPr txBox="1"/>
          <p:nvPr/>
        </p:nvSpPr>
        <p:spPr>
          <a:xfrm>
            <a:off x="883549" y="976669"/>
            <a:ext cx="6693822" cy="71558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extensio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dirty="0">
                <a:solidFill>
                  <a:srgbClr val="CB4B16"/>
                </a:solidFill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(o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(</a:t>
            </a:r>
          </a:p>
          <a:p>
            <a:r>
              <a:rPr lang="en-US" dirty="0">
                <a:solidFill>
                  <a:srgbClr val="839496"/>
                </a:solidFill>
                <a:latin typeface="JetBrainsMono Nerd Font Mono"/>
              </a:rPr>
              <a:t> 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using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Forgetful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o.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dirty="0">
                <a:solidFill>
                  <a:srgbClr val="CB4B16"/>
                </a:solidFill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</a:t>
            </a:r>
          </a:p>
        </p:txBody>
      </p:sp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2B622646-C256-3F37-0976-FFE735D80EE2}"/>
              </a:ext>
            </a:extLst>
          </p:cNvPr>
          <p:cNvCxnSpPr>
            <a:cxnSpLocks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8CD016F4-B43A-8835-A375-77C47532BA01}"/>
              </a:ext>
            </a:extLst>
          </p:cNvPr>
          <p:cNvSpPr txBox="1"/>
          <p:nvPr/>
        </p:nvSpPr>
        <p:spPr>
          <a:xfrm>
            <a:off x="883549" y="3464003"/>
            <a:ext cx="5323893" cy="7155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b="0" dirty="0" err="1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 err="1">
                <a:solidFill>
                  <a:srgbClr val="268BD2"/>
                </a:solidFill>
                <a:effectLst/>
                <a:latin typeface="JetBrainsMono Nerd Font Mono"/>
              </a:rPr>
              <a:t>transform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dirty="0">
                <a:solidFill>
                  <a:srgbClr val="839496"/>
                </a:solidFill>
                <a:latin typeface="JetBrainsMono Nerd Font Mono"/>
              </a:rPr>
              <a:t>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fr-FR" dirty="0">
                <a:solidFill>
                  <a:srgbClr val="CB4B16"/>
                </a:solidFill>
                <a:latin typeface="JetBrainsMono Nerd Font Mono"/>
              </a:rPr>
              <a:t>D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dirty="0">
                <a:solidFill>
                  <a:srgbClr val="859900"/>
                </a:solidFill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)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fr-FR" dirty="0">
                <a:solidFill>
                  <a:srgbClr val="839496"/>
                </a:solidFill>
                <a:latin typeface="JetBrainsMono Nerd Font Mono"/>
              </a:rPr>
              <a:t> </a:t>
            </a:r>
          </a:p>
          <a:p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 t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o.from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b="0" dirty="0" err="1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.</a:t>
            </a:r>
            <a:r>
              <a:rPr lang="fr-FR" dirty="0" err="1">
                <a:solidFill>
                  <a:srgbClr val="839496"/>
                </a:solidFill>
                <a:latin typeface="JetBrainsMono Nerd Font Mono"/>
              </a:rPr>
              <a:t>map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t))(f))</a:t>
            </a:r>
          </a:p>
          <a:p>
            <a:endParaRPr lang="en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590572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F7FB1BC5-150E-D310-71C5-EA65F34041A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8340E5D6-452A-C2ED-C57D-F3BA31E7C9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istential Encoding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FE0FCAA-3B93-A4D7-6FB0-242989B6B9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9</a:t>
            </a:fld>
            <a:endParaRPr lang="en-US" dirty="0"/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9705E7CA-20C9-D94A-42E4-320FE378BE01}"/>
              </a:ext>
            </a:extLst>
          </p:cNvPr>
          <p:cNvGrpSpPr/>
          <p:nvPr/>
        </p:nvGrpSpPr>
        <p:grpSpPr>
          <a:xfrm>
            <a:off x="2452834" y="2179852"/>
            <a:ext cx="6244795" cy="2587409"/>
            <a:chOff x="866795" y="2272130"/>
            <a:chExt cx="6244795" cy="2587409"/>
          </a:xfrm>
        </p:grpSpPr>
        <p:sp>
          <p:nvSpPr>
            <p:cNvPr id="2" name="Rectangle 1">
              <a:extLst>
                <a:ext uri="{FF2B5EF4-FFF2-40B4-BE49-F238E27FC236}">
                  <a16:creationId xmlns:a16="http://schemas.microsoft.com/office/drawing/2014/main" id="{EE0220CD-45D3-1442-D3F4-42DE8AEC0B20}"/>
                </a:ext>
              </a:extLst>
            </p:cNvPr>
            <p:cNvSpPr/>
            <p:nvPr/>
          </p:nvSpPr>
          <p:spPr>
            <a:xfrm>
              <a:off x="6045912" y="2534074"/>
              <a:ext cx="434820" cy="207652"/>
            </a:xfrm>
            <a:prstGeom prst="rect">
              <a:avLst/>
            </a:prstGeom>
            <a:solidFill>
              <a:schemeClr val="accent3">
                <a:lumMod val="75000"/>
              </a:schemeClr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endParaRPr lang="en-NL" sz="1400" dirty="0" err="1">
                <a:solidFill>
                  <a:schemeClr val="bg1"/>
                </a:solidFill>
              </a:endParaRPr>
            </a:p>
          </p:txBody>
        </p:sp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ED0A26AD-7A5A-BA13-0C0A-994A4C5D1C3E}"/>
                </a:ext>
              </a:extLst>
            </p:cNvPr>
            <p:cNvSpPr/>
            <p:nvPr/>
          </p:nvSpPr>
          <p:spPr>
            <a:xfrm>
              <a:off x="1566629" y="2534074"/>
              <a:ext cx="434820" cy="207652"/>
            </a:xfrm>
            <a:prstGeom prst="rect">
              <a:avLst/>
            </a:prstGeom>
            <a:solidFill>
              <a:schemeClr val="accent3">
                <a:lumMod val="75000"/>
              </a:schemeClr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endParaRPr lang="en-NL" sz="1400" dirty="0" err="1">
                <a:solidFill>
                  <a:schemeClr val="bg1"/>
                </a:solidFill>
              </a:endParaRPr>
            </a:p>
          </p:txBody>
        </p:sp>
        <p:pic>
          <p:nvPicPr>
            <p:cNvPr id="8" name="Content Placeholder 10">
              <a:extLst>
                <a:ext uri="{FF2B5EF4-FFF2-40B4-BE49-F238E27FC236}">
                  <a16:creationId xmlns:a16="http://schemas.microsoft.com/office/drawing/2014/main" id="{F2DB816D-FDF9-7917-5FB3-9265A92C253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645273" y="2553256"/>
              <a:ext cx="1085850" cy="161925"/>
            </a:xfrm>
            <a:prstGeom prst="rect">
              <a:avLst/>
            </a:prstGeom>
          </p:spPr>
        </p:pic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F9282D43-C00F-B92F-B595-0FB494CC8781}"/>
                </a:ext>
              </a:extLst>
            </p:cNvPr>
            <p:cNvGrpSpPr/>
            <p:nvPr/>
          </p:nvGrpSpPr>
          <p:grpSpPr>
            <a:xfrm>
              <a:off x="1004520" y="2553256"/>
              <a:ext cx="1520670" cy="161926"/>
              <a:chOff x="3594255" y="2490786"/>
              <a:chExt cx="1520670" cy="161926"/>
            </a:xfrm>
          </p:grpSpPr>
          <p:pic>
            <p:nvPicPr>
              <p:cNvPr id="10" name="Picture 9">
                <a:extLst>
                  <a:ext uri="{FF2B5EF4-FFF2-40B4-BE49-F238E27FC236}">
                    <a16:creationId xmlns:a16="http://schemas.microsoft.com/office/drawing/2014/main" id="{7AEEB515-0F87-6979-8994-86FAC82E2F9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1" name="Picture 10">
                <a:extLst>
                  <a:ext uri="{FF2B5EF4-FFF2-40B4-BE49-F238E27FC236}">
                    <a16:creationId xmlns:a16="http://schemas.microsoft.com/office/drawing/2014/main" id="{B2DD6344-A7DD-83F5-9763-6E53B93CDF4D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2" name="Picture 11">
                <a:extLst>
                  <a:ext uri="{FF2B5EF4-FFF2-40B4-BE49-F238E27FC236}">
                    <a16:creationId xmlns:a16="http://schemas.microsoft.com/office/drawing/2014/main" id="{C7AB7BEB-5923-7BE4-F386-DE060097E0C5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158DF23E-8C17-9369-4362-D1F0492FF10F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3594255" y="2490786"/>
                <a:ext cx="1085850" cy="161925"/>
              </a:xfrm>
              <a:prstGeom prst="rect">
                <a:avLst/>
              </a:prstGeom>
            </p:spPr>
          </p:pic>
        </p:grpSp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6B1F2D30-4420-36DA-7061-BFAA18787F8D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383491" y="2553256"/>
              <a:ext cx="1085850" cy="161925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5AA2FAC0-8425-7218-0EDE-D9278C6811FB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926416" y="2553256"/>
              <a:ext cx="1085850" cy="161925"/>
            </a:xfrm>
            <a:prstGeom prst="rect">
              <a:avLst/>
            </a:prstGeom>
          </p:spPr>
        </p:pic>
        <p:sp>
          <p:nvSpPr>
            <p:cNvPr id="16" name="Rectangle: Rounded Corners 15">
              <a:extLst>
                <a:ext uri="{FF2B5EF4-FFF2-40B4-BE49-F238E27FC236}">
                  <a16:creationId xmlns:a16="http://schemas.microsoft.com/office/drawing/2014/main" id="{0B9AD566-B8F8-EA49-FDB4-94693E130442}"/>
                </a:ext>
              </a:extLst>
            </p:cNvPr>
            <p:cNvSpPr/>
            <p:nvPr/>
          </p:nvSpPr>
          <p:spPr>
            <a:xfrm>
              <a:off x="2717622" y="3483478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050" dirty="0">
                  <a:solidFill>
                    <a:schemeClr val="bg1"/>
                  </a:solidFill>
                </a:rPr>
                <a:t>Address 1</a:t>
              </a:r>
              <a:endParaRPr lang="en-NL" sz="1050" dirty="0" err="1">
                <a:solidFill>
                  <a:schemeClr val="bg1"/>
                </a:solidFill>
              </a:endParaRPr>
            </a:p>
          </p:txBody>
        </p:sp>
        <p:cxnSp>
          <p:nvCxnSpPr>
            <p:cNvPr id="17" name="Straight Arrow Connector 16">
              <a:extLst>
                <a:ext uri="{FF2B5EF4-FFF2-40B4-BE49-F238E27FC236}">
                  <a16:creationId xmlns:a16="http://schemas.microsoft.com/office/drawing/2014/main" id="{F9D8C939-11DC-C140-0DD8-84468074E614}"/>
                </a:ext>
              </a:extLst>
            </p:cNvPr>
            <p:cNvCxnSpPr>
              <a:cxnSpLocks/>
              <a:endCxn id="16" idx="1"/>
            </p:cNvCxnSpPr>
            <p:nvPr/>
          </p:nvCxnSpPr>
          <p:spPr>
            <a:xfrm>
              <a:off x="1809617" y="2741726"/>
              <a:ext cx="908005" cy="872837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B714FD3F-7143-A6BB-3FB3-B891F7A50CBB}"/>
                </a:ext>
              </a:extLst>
            </p:cNvPr>
            <p:cNvCxnSpPr>
              <a:cxnSpLocks/>
              <a:stCxn id="16" idx="3"/>
              <a:endCxn id="29" idx="1"/>
            </p:cNvCxnSpPr>
            <p:nvPr/>
          </p:nvCxnSpPr>
          <p:spPr>
            <a:xfrm flipV="1">
              <a:off x="3478557" y="3596801"/>
              <a:ext cx="1003574" cy="17762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C396EA01-C09A-65D2-37BA-5E35C24043A3}"/>
                </a:ext>
              </a:extLst>
            </p:cNvPr>
            <p:cNvCxnSpPr>
              <a:cxnSpLocks/>
              <a:stCxn id="29" idx="3"/>
              <a:endCxn id="2" idx="2"/>
            </p:cNvCxnSpPr>
            <p:nvPr/>
          </p:nvCxnSpPr>
          <p:spPr>
            <a:xfrm flipV="1">
              <a:off x="4970269" y="2741726"/>
              <a:ext cx="1293053" cy="85507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Arrow Connector 20">
              <a:extLst>
                <a:ext uri="{FF2B5EF4-FFF2-40B4-BE49-F238E27FC236}">
                  <a16:creationId xmlns:a16="http://schemas.microsoft.com/office/drawing/2014/main" id="{F4DD59D4-4346-7810-D020-DC761DC11E8D}"/>
                </a:ext>
              </a:extLst>
            </p:cNvPr>
            <p:cNvCxnSpPr>
              <a:cxnSpLocks/>
              <a:endCxn id="23" idx="0"/>
            </p:cNvCxnSpPr>
            <p:nvPr/>
          </p:nvCxnSpPr>
          <p:spPr>
            <a:xfrm>
              <a:off x="1264017" y="2768270"/>
              <a:ext cx="0" cy="1829099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22" name="Straight Arrow Connector 21">
              <a:extLst>
                <a:ext uri="{FF2B5EF4-FFF2-40B4-BE49-F238E27FC236}">
                  <a16:creationId xmlns:a16="http://schemas.microsoft.com/office/drawing/2014/main" id="{39898252-59F5-A849-30B6-5D8F745CFBEF}"/>
                </a:ext>
              </a:extLst>
            </p:cNvPr>
            <p:cNvCxnSpPr>
              <a:cxnSpLocks/>
              <a:stCxn id="24" idx="0"/>
            </p:cNvCxnSpPr>
            <p:nvPr/>
          </p:nvCxnSpPr>
          <p:spPr>
            <a:xfrm flipV="1">
              <a:off x="6731123" y="2768270"/>
              <a:ext cx="0" cy="1829099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86B65C2B-B74C-3061-22DE-425941EBB14B}"/>
                </a:ext>
              </a:extLst>
            </p:cNvPr>
            <p:cNvSpPr/>
            <p:nvPr/>
          </p:nvSpPr>
          <p:spPr>
            <a:xfrm>
              <a:off x="883549" y="4597369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050" dirty="0">
                  <a:solidFill>
                    <a:schemeClr val="bg1"/>
                  </a:solidFill>
                </a:rPr>
                <a:t>Person 1</a:t>
              </a:r>
              <a:endParaRPr lang="en-NL" sz="1050" dirty="0" err="1">
                <a:solidFill>
                  <a:schemeClr val="bg1"/>
                </a:solidFill>
              </a:endParaRPr>
            </a:p>
          </p:txBody>
        </p:sp>
        <p:sp>
          <p:nvSpPr>
            <p:cNvPr id="24" name="Rectangle: Rounded Corners 23">
              <a:extLst>
                <a:ext uri="{FF2B5EF4-FFF2-40B4-BE49-F238E27FC236}">
                  <a16:creationId xmlns:a16="http://schemas.microsoft.com/office/drawing/2014/main" id="{360D58DA-B870-BE45-DE10-575A8FBC82C2}"/>
                </a:ext>
              </a:extLst>
            </p:cNvPr>
            <p:cNvSpPr/>
            <p:nvPr/>
          </p:nvSpPr>
          <p:spPr>
            <a:xfrm>
              <a:off x="6350655" y="4597369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1050" dirty="0">
                  <a:solidFill>
                    <a:schemeClr val="bg1"/>
                  </a:solidFill>
                </a:rPr>
                <a:t>Person 2</a:t>
              </a:r>
              <a:endParaRPr lang="en-NL" sz="1050" dirty="0" err="1">
                <a:solidFill>
                  <a:schemeClr val="bg1"/>
                </a:solidFill>
              </a:endParaRPr>
            </a:p>
          </p:txBody>
        </p: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B2DF046E-157B-9543-5AAD-034DAE104416}"/>
                </a:ext>
              </a:extLst>
            </p:cNvPr>
            <p:cNvCxnSpPr>
              <a:cxnSpLocks/>
              <a:stCxn id="23" idx="3"/>
              <a:endCxn id="24" idx="1"/>
            </p:cNvCxnSpPr>
            <p:nvPr/>
          </p:nvCxnSpPr>
          <p:spPr>
            <a:xfrm>
              <a:off x="1644484" y="4728454"/>
              <a:ext cx="4706171" cy="0"/>
            </a:xfrm>
            <a:prstGeom prst="straightConnector1">
              <a:avLst/>
            </a:prstGeom>
            <a:ln>
              <a:solidFill>
                <a:schemeClr val="accent3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10E8CA56-3FD5-1766-608F-DD819E6969C7}"/>
                </a:ext>
              </a:extLst>
            </p:cNvPr>
            <p:cNvSpPr txBox="1"/>
            <p:nvPr/>
          </p:nvSpPr>
          <p:spPr>
            <a:xfrm>
              <a:off x="866795" y="4322545"/>
              <a:ext cx="264816" cy="30008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S</a:t>
              </a:r>
              <a:endParaRPr lang="en-NL" dirty="0"/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485B8D54-7F03-CD34-CE49-AA9C2885B8A0}"/>
                </a:ext>
              </a:extLst>
            </p:cNvPr>
            <p:cNvSpPr txBox="1"/>
            <p:nvPr/>
          </p:nvSpPr>
          <p:spPr>
            <a:xfrm>
              <a:off x="5824583" y="2272130"/>
              <a:ext cx="718466" cy="30008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Json / T</a:t>
              </a:r>
              <a:endParaRPr lang="en-NL" dirty="0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7CC2AE08-F10D-DB34-2D30-C18CA3750013}"/>
                </a:ext>
              </a:extLst>
            </p:cNvPr>
            <p:cNvSpPr txBox="1"/>
            <p:nvPr/>
          </p:nvSpPr>
          <p:spPr>
            <a:xfrm>
              <a:off x="3029644" y="3204913"/>
              <a:ext cx="284052" cy="30008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A</a:t>
              </a:r>
              <a:endParaRPr lang="en-NL" dirty="0"/>
            </a:p>
          </p:txBody>
        </p:sp>
        <p:pic>
          <p:nvPicPr>
            <p:cNvPr id="29" name="Picture 28">
              <a:extLst>
                <a:ext uri="{FF2B5EF4-FFF2-40B4-BE49-F238E27FC236}">
                  <a16:creationId xmlns:a16="http://schemas.microsoft.com/office/drawing/2014/main" id="{60473696-D6A9-585E-3541-F5B3B2F03D6E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rcRect l="8649" t="-31048" r="46397" b="-8922"/>
            <a:stretch/>
          </p:blipFill>
          <p:spPr>
            <a:xfrm>
              <a:off x="4482131" y="3483478"/>
              <a:ext cx="488138" cy="226645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4050DC30-737B-2934-3042-4D777B1CD532}"/>
                </a:ext>
              </a:extLst>
            </p:cNvPr>
            <p:cNvSpPr txBox="1"/>
            <p:nvPr/>
          </p:nvSpPr>
          <p:spPr>
            <a:xfrm>
              <a:off x="4374558" y="3204913"/>
              <a:ext cx="728084" cy="30008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Json / B</a:t>
              </a:r>
              <a:endParaRPr lang="en-NL" dirty="0"/>
            </a:p>
          </p:txBody>
        </p: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52FE4E50-1BA8-0D54-F5DF-11C6A12A1A7C}"/>
                </a:ext>
              </a:extLst>
            </p:cNvPr>
            <p:cNvCxnSpPr/>
            <p:nvPr/>
          </p:nvCxnSpPr>
          <p:spPr>
            <a:xfrm flipH="1">
              <a:off x="1264017" y="3745648"/>
              <a:ext cx="1834073" cy="851721"/>
            </a:xfrm>
            <a:prstGeom prst="line">
              <a:avLst/>
            </a:prstGeom>
            <a:ln>
              <a:prstDash val="sysDot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Arrow Connector 39">
              <a:extLst>
                <a:ext uri="{FF2B5EF4-FFF2-40B4-BE49-F238E27FC236}">
                  <a16:creationId xmlns:a16="http://schemas.microsoft.com/office/drawing/2014/main" id="{801453E2-D8DF-9C23-F850-7FE2450DB01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525190" y="2634219"/>
              <a:ext cx="2858301" cy="1"/>
            </a:xfrm>
            <a:prstGeom prst="straightConnector1">
              <a:avLst/>
            </a:prstGeom>
            <a:ln>
              <a:prstDash val="soli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8" name="TextBox 17">
            <a:extLst>
              <a:ext uri="{FF2B5EF4-FFF2-40B4-BE49-F238E27FC236}">
                <a16:creationId xmlns:a16="http://schemas.microsoft.com/office/drawing/2014/main" id="{D69CBF72-F3E4-D5CF-4CA6-75E0217EDAD5}"/>
              </a:ext>
            </a:extLst>
          </p:cNvPr>
          <p:cNvSpPr txBox="1"/>
          <p:nvPr/>
        </p:nvSpPr>
        <p:spPr>
          <a:xfrm>
            <a:off x="866668" y="886092"/>
            <a:ext cx="4572000" cy="133882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rai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self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ype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b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</a:b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268BD2"/>
                </a:solidFill>
                <a:effectLst/>
                <a:latin typeface="JetBrainsMono Nerd Font Mono"/>
              </a:rPr>
              <a:t>to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268BD2"/>
                </a:solidFill>
                <a:effectLst/>
                <a:latin typeface="JetBrainsMono Nerd Font Mono"/>
              </a:rPr>
              <a:t>from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20267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200">
        <p:fade/>
      </p:transition>
    </mc:Choice>
    <mc:Fallback>
      <p:transition>
        <p:fade/>
      </p:transition>
    </mc:Fallback>
  </mc:AlternateContent>
</p:sld>
</file>

<file path=ppt/theme/theme1.xml><?xml version="1.0" encoding="utf-8"?>
<a:theme xmlns:a="http://schemas.openxmlformats.org/drawingml/2006/main" name="Slide Master Only">
  <a:themeElements>
    <a:clrScheme name="Custom 3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0619F"/>
      </a:hlink>
      <a:folHlink>
        <a:srgbClr val="00629F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91440" tIns="45720" rIns="91440" bIns="4572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982383737904037889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14.xml><?xml version="1.0" encoding="utf-8"?>
<TemplafyFormConfiguration><![CDATA[{"formFields":[],"formDataEntries":[]}]]></TemplafyFormConfiguration>
</file>

<file path=customXml/item1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Create a new document." ma:contentTypeScope="" ma:versionID="a5d62425357535963d3d0805dd821f3a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c0c6353d998fc2f0d5f4f356429f6be6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20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6b2685c3-cb74-402e-89a3-cd359bd59e48">
      <UserInfo>
        <DisplayName>Amico, Mario</DisplayName>
        <AccountId>9</AccountId>
        <AccountType/>
      </UserInfo>
      <UserInfo>
        <DisplayName>Szurley, Andrew</DisplayName>
        <AccountId>20</AccountId>
        <AccountType/>
      </UserInfo>
      <UserInfo>
        <DisplayName>Baranyi, Katalin</DisplayName>
        <AccountId>234</AccountId>
        <AccountType/>
      </UserInfo>
    </SharedWithUsers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Behandelaar xmlns="2f7262f3-19e3-4c38-834c-996e2cec5b6c" xsi:nil="true"/>
    <Onderwerp xmlns="2f7262f3-19e3-4c38-834c-996e2cec5b6c" xsi:nil="true"/>
  </documentManagement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8756B07-09A8-41C0-BCFE-BF9CE3A83E99}">
  <ds:schemaRefs/>
</ds:datastoreItem>
</file>

<file path=customXml/itemProps10.xml><?xml version="1.0" encoding="utf-8"?>
<ds:datastoreItem xmlns:ds="http://schemas.openxmlformats.org/officeDocument/2006/customXml" ds:itemID="{405B5246-59D9-4C42-BA08-4F9E2FF461CC}">
  <ds:schemaRefs/>
</ds:datastoreItem>
</file>

<file path=customXml/itemProps11.xml><?xml version="1.0" encoding="utf-8"?>
<ds:datastoreItem xmlns:ds="http://schemas.openxmlformats.org/officeDocument/2006/customXml" ds:itemID="{C8D638AB-FED2-4F7E-93AD-9DD3C620EE90}">
  <ds:schemaRefs/>
</ds:datastoreItem>
</file>

<file path=customXml/itemProps12.xml><?xml version="1.0" encoding="utf-8"?>
<ds:datastoreItem xmlns:ds="http://schemas.openxmlformats.org/officeDocument/2006/customXml" ds:itemID="{754604E6-0E66-46AE-82FD-61B8D039EEB3}">
  <ds:schemaRefs/>
</ds:datastoreItem>
</file>

<file path=customXml/itemProps13.xml><?xml version="1.0" encoding="utf-8"?>
<ds:datastoreItem xmlns:ds="http://schemas.openxmlformats.org/officeDocument/2006/customXml" ds:itemID="{3576BE01-5ED5-42D4-8452-D37F3EED532F}">
  <ds:schemaRefs/>
</ds:datastoreItem>
</file>

<file path=customXml/itemProps14.xml><?xml version="1.0" encoding="utf-8"?>
<ds:datastoreItem xmlns:ds="http://schemas.openxmlformats.org/officeDocument/2006/customXml" ds:itemID="{758FF650-907C-428F-AD7B-6BA9D849A6CB}">
  <ds:schemaRefs/>
</ds:datastoreItem>
</file>

<file path=customXml/itemProps15.xml><?xml version="1.0" encoding="utf-8"?>
<ds:datastoreItem xmlns:ds="http://schemas.openxmlformats.org/officeDocument/2006/customXml" ds:itemID="{DEB6CD91-B9E0-4A18-9698-8B340BF10E3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6.xml><?xml version="1.0" encoding="utf-8"?>
<ds:datastoreItem xmlns:ds="http://schemas.openxmlformats.org/officeDocument/2006/customXml" ds:itemID="{E137F201-6F1C-44AB-B091-E69E6AF5652D}">
  <ds:schemaRefs/>
</ds:datastoreItem>
</file>

<file path=customXml/itemProps17.xml><?xml version="1.0" encoding="utf-8"?>
<ds:datastoreItem xmlns:ds="http://schemas.openxmlformats.org/officeDocument/2006/customXml" ds:itemID="{A9E755BF-8C27-430A-9D93-67D6903160A0}">
  <ds:schemaRefs/>
</ds:datastoreItem>
</file>

<file path=customXml/itemProps18.xml><?xml version="1.0" encoding="utf-8"?>
<ds:datastoreItem xmlns:ds="http://schemas.openxmlformats.org/officeDocument/2006/customXml" ds:itemID="{6676BF48-30DD-415D-9938-E95196FAB035}">
  <ds:schemaRefs/>
</ds:datastoreItem>
</file>

<file path=customXml/itemProps19.xml><?xml version="1.0" encoding="utf-8"?>
<ds:datastoreItem xmlns:ds="http://schemas.openxmlformats.org/officeDocument/2006/customXml" ds:itemID="{0FF0764C-21BC-43BC-B9A4-C8EFD22A9D5C}">
  <ds:schemaRefs/>
</ds:datastoreItem>
</file>

<file path=customXml/itemProps2.xml><?xml version="1.0" encoding="utf-8"?>
<ds:datastoreItem xmlns:ds="http://schemas.openxmlformats.org/officeDocument/2006/customXml" ds:itemID="{BFBCB3F7-860C-40CC-8532-A042390E68D6}">
  <ds:schemaRefs/>
</ds:datastoreItem>
</file>

<file path=customXml/itemProps20.xml><?xml version="1.0" encoding="utf-8"?>
<ds:datastoreItem xmlns:ds="http://schemas.openxmlformats.org/officeDocument/2006/customXml" ds:itemID="{0DB2041A-F8E3-4728-AF53-38613E42C367}">
  <ds:schemaRefs/>
</ds:datastoreItem>
</file>

<file path=customXml/itemProps21.xml><?xml version="1.0" encoding="utf-8"?>
<ds:datastoreItem xmlns:ds="http://schemas.openxmlformats.org/officeDocument/2006/customXml" ds:itemID="{7172B9D6-B471-414F-B9E6-CF2ED433CBCB}">
  <ds:schemaRefs/>
</ds:datastoreItem>
</file>

<file path=customXml/itemProps22.xml><?xml version="1.0" encoding="utf-8"?>
<ds:datastoreItem xmlns:ds="http://schemas.openxmlformats.org/officeDocument/2006/customXml" ds:itemID="{6C8A2CE3-68D9-44A2-A056-CD8CFC4E4A7F}">
  <ds:schemaRefs/>
</ds:datastoreItem>
</file>

<file path=customXml/itemProps23.xml><?xml version="1.0" encoding="utf-8"?>
<ds:datastoreItem xmlns:ds="http://schemas.openxmlformats.org/officeDocument/2006/customXml" ds:itemID="{DAC78E63-F570-4D37-84FE-09D17E3D95D1}">
  <ds:schemaRefs/>
</ds:datastoreItem>
</file>

<file path=customXml/itemProps24.xml><?xml version="1.0" encoding="utf-8"?>
<ds:datastoreItem xmlns:ds="http://schemas.openxmlformats.org/officeDocument/2006/customXml" ds:itemID="{AE543BCE-1928-4840-945C-3EA8A14A1BE6}">
  <ds:schemaRefs/>
</ds:datastoreItem>
</file>

<file path=customXml/itemProps25.xml><?xml version="1.0" encoding="utf-8"?>
<ds:datastoreItem xmlns:ds="http://schemas.openxmlformats.org/officeDocument/2006/customXml" ds:itemID="{F9DA8E75-649A-4B2E-B00A-9D65F829AFB9}">
  <ds:schemaRefs/>
</ds:datastoreItem>
</file>

<file path=customXml/itemProps26.xml><?xml version="1.0" encoding="utf-8"?>
<ds:datastoreItem xmlns:ds="http://schemas.openxmlformats.org/officeDocument/2006/customXml" ds:itemID="{CA20AE0B-6D6B-CA41-BD52-C7FD60921E2E}">
  <ds:schemaRefs/>
</ds:datastoreItem>
</file>

<file path=customXml/itemProps27.xml><?xml version="1.0" encoding="utf-8"?>
<ds:datastoreItem xmlns:ds="http://schemas.openxmlformats.org/officeDocument/2006/customXml" ds:itemID="{A39B2878-2725-B641-AF0E-9073AE5129BA}">
  <ds:schemaRefs/>
</ds:datastoreItem>
</file>

<file path=customXml/itemProps28.xml><?xml version="1.0" encoding="utf-8"?>
<ds:datastoreItem xmlns:ds="http://schemas.openxmlformats.org/officeDocument/2006/customXml" ds:itemID="{B5098F85-9919-B745-A584-C2E4DF4E0B78}">
  <ds:schemaRefs/>
</ds:datastoreItem>
</file>

<file path=customXml/itemProps29.xml><?xml version="1.0" encoding="utf-8"?>
<ds:datastoreItem xmlns:ds="http://schemas.openxmlformats.org/officeDocument/2006/customXml" ds:itemID="{CCAA59B3-8C9A-4440-8838-CC512E51857D}">
  <ds:schemaRefs/>
</ds:datastoreItem>
</file>

<file path=customXml/itemProps3.xml><?xml version="1.0" encoding="utf-8"?>
<ds:datastoreItem xmlns:ds="http://schemas.openxmlformats.org/officeDocument/2006/customXml" ds:itemID="{408363D0-C7AC-4285-A9E9-5D7D0D146CC4}">
  <ds:schemaRefs/>
</ds:datastoreItem>
</file>

<file path=customXml/itemProps4.xml><?xml version="1.0" encoding="utf-8"?>
<ds:datastoreItem xmlns:ds="http://schemas.openxmlformats.org/officeDocument/2006/customXml" ds:itemID="{8BC60CF1-13B0-4735-BF8A-680EF8EF7CBF}">
  <ds:schemaRefs/>
</ds:datastoreItem>
</file>

<file path=customXml/itemProps5.xml><?xml version="1.0" encoding="utf-8"?>
<ds:datastoreItem xmlns:ds="http://schemas.openxmlformats.org/officeDocument/2006/customXml" ds:itemID="{7A01E660-3AD1-447B-BF94-526C6936E99F}">
  <ds:schemaRefs>
    <ds:schemaRef ds:uri="http://schemas.microsoft.com/office/2006/documentManagement/types"/>
    <ds:schemaRef ds:uri="http://purl.org/dc/elements/1.1/"/>
    <ds:schemaRef ds:uri="http://www.w3.org/XML/1998/namespace"/>
    <ds:schemaRef ds:uri="http://purl.org/dc/dcmitype/"/>
    <ds:schemaRef ds:uri="http://purl.org/dc/terms/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6b2685c3-cb74-402e-89a3-cd359bd59e48"/>
    <ds:schemaRef ds:uri="2f7262f3-19e3-4c38-834c-996e2cec5b6c"/>
  </ds:schemaRefs>
</ds:datastoreItem>
</file>

<file path=customXml/itemProps6.xml><?xml version="1.0" encoding="utf-8"?>
<ds:datastoreItem xmlns:ds="http://schemas.openxmlformats.org/officeDocument/2006/customXml" ds:itemID="{02D352A2-7C85-4751-A466-2DA9F1503391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BB162C95-F935-4F0C-8A7D-EC8AA86E585B}">
  <ds:schemaRefs/>
</ds:datastoreItem>
</file>

<file path=customXml/itemProps8.xml><?xml version="1.0" encoding="utf-8"?>
<ds:datastoreItem xmlns:ds="http://schemas.openxmlformats.org/officeDocument/2006/customXml" ds:itemID="{52D032FA-EB27-4F29-9970-FA9B0429D895}">
  <ds:schemaRefs/>
</ds:datastoreItem>
</file>

<file path=customXml/itemProps9.xml><?xml version="1.0" encoding="utf-8"?>
<ds:datastoreItem xmlns:ds="http://schemas.openxmlformats.org/officeDocument/2006/customXml" ds:itemID="{91D00BC4-43EF-4297-91F6-F5EF8606EE8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_Presentation template Jan21</Template>
  <TotalTime>146</TotalTime>
  <Words>859</Words>
  <Application>Microsoft Macintosh PowerPoint</Application>
  <PresentationFormat>On-screen Show (16:9)</PresentationFormat>
  <Paragraphs>125</Paragraphs>
  <Slides>1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7" baseType="lpstr">
      <vt:lpstr>Arial</vt:lpstr>
      <vt:lpstr>Calibri</vt:lpstr>
      <vt:lpstr>Calibri Light</vt:lpstr>
      <vt:lpstr>JetBrainsMono Nerd Font Mono</vt:lpstr>
      <vt:lpstr>Slide Master Only</vt:lpstr>
      <vt:lpstr>PowerPoint Presentation</vt:lpstr>
      <vt:lpstr>Optimized and typical Serialization &amp; Deserialization workflows.</vt:lpstr>
      <vt:lpstr>Can we get away with never decoding the input?</vt:lpstr>
      <vt:lpstr>Optics (eo)</vt:lpstr>
      <vt:lpstr>Existential Encoding</vt:lpstr>
      <vt:lpstr>def place(b: B): T =&gt; T</vt:lpstr>
      <vt:lpstr>def transform(f: A =&gt; B): T =&gt; T</vt:lpstr>
      <vt:lpstr>def transform(f: D =&gt; B): T =&gt; T</vt:lpstr>
      <vt:lpstr>Existential Encoding</vt:lpstr>
      <vt:lpstr>Existential Encoding</vt:lpstr>
      <vt:lpstr>Optics (eo)  Existential Encoding:</vt:lpstr>
      <vt:lpstr>Thank you!  You can find more information here: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cp:lastModifiedBy>Rodolfo Hansen</cp:lastModifiedBy>
  <cp:revision>3</cp:revision>
  <dcterms:created xsi:type="dcterms:W3CDTF">2024-08-19T12:12:37Z</dcterms:created>
  <dcterms:modified xsi:type="dcterms:W3CDTF">2024-10-09T22:52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ContentTypeId">
    <vt:lpwstr>0x010100AED8E6AD952BA74A855EB02C79D83CD1</vt:lpwstr>
  </property>
  <property fmtid="{D5CDD505-2E9C-101B-9397-08002B2CF9AE}" pid="4" name="TemplafyTimeStamp">
    <vt:lpwstr>2024-08-16T15:55:19</vt:lpwstr>
  </property>
  <property fmtid="{D5CDD505-2E9C-101B-9397-08002B2CF9AE}" pid="5" name="TemplafyTenantId">
    <vt:lpwstr>philips</vt:lpwstr>
  </property>
  <property fmtid="{D5CDD505-2E9C-101B-9397-08002B2CF9AE}" pid="6" name="TemplafyTemplateId">
    <vt:lpwstr>982383721481241220</vt:lpwstr>
  </property>
  <property fmtid="{D5CDD505-2E9C-101B-9397-08002B2CF9AE}" pid="7" name="TemplafyUserProfileId">
    <vt:lpwstr>637650431498845720</vt:lpwstr>
  </property>
  <property fmtid="{D5CDD505-2E9C-101B-9397-08002B2CF9AE}" pid="8" name="TemplafyFromBlank">
    <vt:bool>true</vt:bool>
  </property>
</Properties>
</file>